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1493B1DA-3052-40F6-A282-F2158FECFB18}" xr6:coauthVersionLast="36" xr6:coauthVersionMax="47" xr10:uidLastSave="{00000000-0000-0000-0000-000000000000}"/>
  <bookViews>
    <workbookView xWindow="2115" yWindow="1770" windowWidth="23670" windowHeight="12750" xr2:uid="{00000000-000D-0000-FFFF-FFFF00000000}"/>
  </bookViews>
  <sheets>
    <sheet name="StandSetting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6135" uniqueCount="95">
  <si>
    <t xml:space="preserve">カラオケチカラ　豊田駅前店              </t>
  </si>
  <si>
    <t xml:space="preserve">愛知県豊田市西町6-7-1　ｷｭｰﾌﾞ豊田ﾋﾞﾙ4F   </t>
  </si>
  <si>
    <t xml:space="preserve">0565-63-5541   </t>
  </si>
  <si>
    <t xml:space="preserve">一般      </t>
  </si>
  <si>
    <t xml:space="preserve">子供      </t>
  </si>
  <si>
    <t xml:space="preserve">学生      </t>
  </si>
  <si>
    <t xml:space="preserve">Ｄ        </t>
  </si>
  <si>
    <t xml:space="preserve">特割      </t>
  </si>
  <si>
    <t>昼　お一人</t>
  </si>
  <si>
    <t xml:space="preserve">KtMIRcSpTQ4=                  </t>
  </si>
  <si>
    <t>000000000000021430000</t>
  </si>
  <si>
    <t>000000000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OpenTime</t>
  </si>
  <si>
    <t>CloseTime</t>
  </si>
  <si>
    <t>TaxRate</t>
  </si>
  <si>
    <t>Fraction</t>
  </si>
  <si>
    <t>ShopName</t>
  </si>
  <si>
    <t>ShopAddress</t>
  </si>
  <si>
    <t>ShopTel</t>
  </si>
  <si>
    <t>BasicTime</t>
  </si>
  <si>
    <t>ExtensionTime</t>
  </si>
  <si>
    <t>In_Delay</t>
  </si>
  <si>
    <t>GoOut_Delay</t>
  </si>
  <si>
    <t>CustKigen</t>
  </si>
  <si>
    <t>CustNyuukai</t>
  </si>
  <si>
    <t>CustKousin</t>
  </si>
  <si>
    <t>CustSaihakkou</t>
  </si>
  <si>
    <t>Syubetu1</t>
  </si>
  <si>
    <t>Syubetu2</t>
  </si>
  <si>
    <t>Syubetu3</t>
  </si>
  <si>
    <t>Syubetu4</t>
  </si>
  <si>
    <t>Syubetu5</t>
  </si>
  <si>
    <t>Syubetu6</t>
  </si>
  <si>
    <t>Syubetu7</t>
  </si>
  <si>
    <t>Syubetu8</t>
  </si>
  <si>
    <t>Syubetu9</t>
  </si>
  <si>
    <t>Syubetu10</t>
  </si>
  <si>
    <t>Syubetu11</t>
  </si>
  <si>
    <t>Syubetu12</t>
  </si>
  <si>
    <t>Syubetu13</t>
  </si>
  <si>
    <t>Syubetu14</t>
  </si>
  <si>
    <t>Syubetu15</t>
  </si>
  <si>
    <t>Person1</t>
  </si>
  <si>
    <t>Person2</t>
  </si>
  <si>
    <t>Person3</t>
  </si>
  <si>
    <t>Person4</t>
  </si>
  <si>
    <t>Sunday</t>
  </si>
  <si>
    <t>Monday</t>
  </si>
  <si>
    <t>Tuesday</t>
  </si>
  <si>
    <t>Wednesday</t>
  </si>
  <si>
    <t>Thursday</t>
  </si>
  <si>
    <t>Friday</t>
  </si>
  <si>
    <t>Saturday</t>
  </si>
  <si>
    <t>Holiday</t>
  </si>
  <si>
    <t>BrforeHoliday</t>
  </si>
  <si>
    <t>Special1</t>
  </si>
  <si>
    <t>Special2</t>
  </si>
  <si>
    <t>Special3</t>
  </si>
  <si>
    <t>Special4</t>
  </si>
  <si>
    <t>Special5</t>
  </si>
  <si>
    <t>FocusForeColor</t>
  </si>
  <si>
    <t>FocusBackColor</t>
  </si>
  <si>
    <t>OrderButtonCols</t>
  </si>
  <si>
    <t>OrderButtonRows</t>
  </si>
  <si>
    <t>OrderSectionRows</t>
  </si>
  <si>
    <t>SelectRoomCols</t>
  </si>
  <si>
    <t>SelectRoomRows</t>
  </si>
  <si>
    <t>ComString</t>
  </si>
  <si>
    <t>AgeDisp</t>
  </si>
  <si>
    <t>CheckInOrder</t>
  </si>
  <si>
    <t>CheckInTimeChange</t>
  </si>
  <si>
    <t>FirstOrder</t>
  </si>
  <si>
    <t>Person5</t>
  </si>
  <si>
    <t>Person6</t>
  </si>
  <si>
    <t>Person7</t>
  </si>
  <si>
    <t>Person8</t>
  </si>
  <si>
    <t>Person9</t>
  </si>
  <si>
    <t>Person10</t>
  </si>
  <si>
    <t>GroupCode</t>
  </si>
  <si>
    <t>ShopID</t>
  </si>
  <si>
    <t>Comment0</t>
  </si>
  <si>
    <t>Comment1</t>
  </si>
  <si>
    <t>Comment2</t>
  </si>
  <si>
    <t>BitFlag</t>
  </si>
  <si>
    <t>RewriteBitFlag</t>
  </si>
  <si>
    <t>ResultSumT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quotePrefix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149" totalsRowShown="0">
  <autoFilter ref="A1:F149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5E0582E3-0D25-4D56-BA6F-D3DBC291C2A4}" name="テーブル14" displayName="テーブル14" ref="BM1:BR149" totalsRowShown="0">
  <autoFilter ref="BM1:BR149" xr:uid="{944D6ACE-C88D-4F86-A91C-8B544E6C4710}"/>
  <tableColumns count="6">
    <tableColumn id="1" xr3:uid="{F9FDC679-51CC-4A21-9E8D-4F30A27D22CF}" name="ID"/>
    <tableColumn id="2" xr3:uid="{9C1C97BD-0561-4679-BB26-BA272AED5A67}" name="TERMINATOR"/>
    <tableColumn id="3" xr3:uid="{A9B26116-41D4-4AB3-AFCE-3F4A33811743}" name="MAX_LENGTH"/>
    <tableColumn id="4" xr3:uid="{C657B2F1-6A3D-4BDD-9944-1125ED4BCDC2}" name="COLLATION"/>
    <tableColumn id="5" xr3:uid="{B86D8709-8D4F-4A58-A2F7-84736B8CB899}" name="SOURCE"/>
    <tableColumn id="6" xr3:uid="{5304AE33-48FA-45CE-8704-D9636A93C906}" name="NAME"/>
  </tableColumns>
  <tableStyleInfo name="TableStyleMedium2"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A1BE201-3462-45AB-835F-9479F5858B92}" name="テーブル13" displayName="テーブル13" ref="A1:F149" totalsRowShown="0">
  <autoFilter ref="A1:F149" xr:uid="{2CB5E407-3A1E-4DD1-BFDB-FCA1AC9B148E}"/>
  <tableColumns count="6">
    <tableColumn id="1" xr3:uid="{386A8006-7F53-48B4-B573-A4DECD731411}" name="ID"/>
    <tableColumn id="2" xr3:uid="{08662D15-7648-48EB-AE70-6D09D973055D}" name="TERMINATOR"/>
    <tableColumn id="3" xr3:uid="{4F35FC67-A01A-43FB-9F50-C44CCB67E60E}" name="MAX_LENGTH"/>
    <tableColumn id="4" xr3:uid="{C9249CB4-A3B0-4521-BA42-0FA0A3356AC3}" name="COLLATION"/>
    <tableColumn id="5" xr3:uid="{F6481EF8-5EB9-4F88-9CD5-17FF7ED12FD0}" name="SOURCE"/>
    <tableColumn id="6" xr3:uid="{115E1387-8950-4BE1-9070-36CBAC5E2664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table" Target="../tables/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W2"/>
  <sheetViews>
    <sheetView tabSelected="1" workbookViewId="0">
      <selection sqref="A1:CE1"/>
    </sheetView>
  </sheetViews>
  <sheetFormatPr defaultRowHeight="18.75" x14ac:dyDescent="0.4"/>
  <cols>
    <col min="1" max="2" width="13.625" bestFit="1" customWidth="1"/>
  </cols>
  <sheetData>
    <row r="1" spans="1:75" x14ac:dyDescent="0.4">
      <c r="A1" s="4" t="s">
        <v>21</v>
      </c>
      <c r="B1" s="5" t="s">
        <v>22</v>
      </c>
      <c r="C1" s="4" t="s">
        <v>23</v>
      </c>
      <c r="D1" s="5" t="s">
        <v>24</v>
      </c>
      <c r="E1" s="4" t="s">
        <v>25</v>
      </c>
      <c r="F1" s="5" t="s">
        <v>26</v>
      </c>
      <c r="G1" s="4" t="s">
        <v>27</v>
      </c>
      <c r="H1" s="5" t="s">
        <v>28</v>
      </c>
      <c r="I1" s="4" t="s">
        <v>29</v>
      </c>
      <c r="J1" s="5" t="s">
        <v>30</v>
      </c>
      <c r="K1" s="4" t="s">
        <v>31</v>
      </c>
      <c r="L1" s="5" t="s">
        <v>32</v>
      </c>
      <c r="M1" s="4" t="s">
        <v>33</v>
      </c>
      <c r="N1" s="5" t="s">
        <v>34</v>
      </c>
      <c r="O1" s="4" t="s">
        <v>35</v>
      </c>
      <c r="P1" s="5" t="s">
        <v>36</v>
      </c>
      <c r="Q1" s="4" t="s">
        <v>37</v>
      </c>
      <c r="R1" s="5" t="s">
        <v>38</v>
      </c>
      <c r="S1" s="4" t="s">
        <v>39</v>
      </c>
      <c r="T1" s="5" t="s">
        <v>40</v>
      </c>
      <c r="U1" s="4" t="s">
        <v>41</v>
      </c>
      <c r="V1" s="5" t="s">
        <v>42</v>
      </c>
      <c r="W1" s="4" t="s">
        <v>43</v>
      </c>
      <c r="X1" s="5" t="s">
        <v>44</v>
      </c>
      <c r="Y1" s="4" t="s">
        <v>45</v>
      </c>
      <c r="Z1" s="5" t="s">
        <v>46</v>
      </c>
      <c r="AA1" s="4" t="s">
        <v>47</v>
      </c>
      <c r="AB1" s="5" t="s">
        <v>48</v>
      </c>
      <c r="AC1" s="4" t="s">
        <v>49</v>
      </c>
      <c r="AD1" s="5" t="s">
        <v>50</v>
      </c>
      <c r="AE1" s="4" t="s">
        <v>51</v>
      </c>
      <c r="AF1" s="5" t="s">
        <v>52</v>
      </c>
      <c r="AG1" s="4" t="s">
        <v>53</v>
      </c>
      <c r="AH1" s="5" t="s">
        <v>54</v>
      </c>
      <c r="AI1" s="4" t="s">
        <v>55</v>
      </c>
      <c r="AJ1" s="5" t="s">
        <v>56</v>
      </c>
      <c r="AK1" s="4" t="s">
        <v>57</v>
      </c>
      <c r="AL1" s="5" t="s">
        <v>58</v>
      </c>
      <c r="AM1" s="4" t="s">
        <v>59</v>
      </c>
      <c r="AN1" s="5" t="s">
        <v>60</v>
      </c>
      <c r="AO1" s="4" t="s">
        <v>61</v>
      </c>
      <c r="AP1" s="5" t="s">
        <v>62</v>
      </c>
      <c r="AQ1" s="4" t="s">
        <v>63</v>
      </c>
      <c r="AR1" s="5" t="s">
        <v>64</v>
      </c>
      <c r="AS1" s="4" t="s">
        <v>65</v>
      </c>
      <c r="AT1" s="5" t="s">
        <v>66</v>
      </c>
      <c r="AU1" s="4" t="s">
        <v>67</v>
      </c>
      <c r="AV1" s="5" t="s">
        <v>68</v>
      </c>
      <c r="AW1" s="4" t="s">
        <v>69</v>
      </c>
      <c r="AX1" s="5" t="s">
        <v>70</v>
      </c>
      <c r="AY1" s="4" t="s">
        <v>71</v>
      </c>
      <c r="AZ1" s="5" t="s">
        <v>72</v>
      </c>
      <c r="BA1" s="4" t="s">
        <v>73</v>
      </c>
      <c r="BB1" s="5" t="s">
        <v>74</v>
      </c>
      <c r="BC1" s="4" t="s">
        <v>75</v>
      </c>
      <c r="BD1" s="5" t="s">
        <v>76</v>
      </c>
      <c r="BE1" s="4" t="s">
        <v>77</v>
      </c>
      <c r="BF1" s="5" t="s">
        <v>78</v>
      </c>
      <c r="BG1" s="4" t="s">
        <v>79</v>
      </c>
      <c r="BH1" s="5" t="s">
        <v>80</v>
      </c>
      <c r="BI1" s="4" t="s">
        <v>81</v>
      </c>
      <c r="BJ1" s="5" t="s">
        <v>82</v>
      </c>
      <c r="BK1" s="4" t="s">
        <v>83</v>
      </c>
      <c r="BL1" s="5" t="s">
        <v>84</v>
      </c>
      <c r="BM1" s="4" t="s">
        <v>85</v>
      </c>
      <c r="BN1" s="5" t="s">
        <v>86</v>
      </c>
      <c r="BO1" s="4" t="s">
        <v>87</v>
      </c>
      <c r="BP1" s="5" t="s">
        <v>88</v>
      </c>
      <c r="BQ1" s="4" t="s">
        <v>89</v>
      </c>
      <c r="BR1" s="5" t="s">
        <v>90</v>
      </c>
      <c r="BS1" s="4" t="s">
        <v>91</v>
      </c>
      <c r="BT1" s="5" t="s">
        <v>92</v>
      </c>
      <c r="BU1" s="4" t="s">
        <v>93</v>
      </c>
      <c r="BV1" s="5" t="s">
        <v>94</v>
      </c>
    </row>
    <row r="2" spans="1:75" x14ac:dyDescent="0.4">
      <c r="A2" s="1">
        <v>1.2916666666666667</v>
      </c>
      <c r="B2" s="1">
        <v>1.25</v>
      </c>
      <c r="C2">
        <v>10</v>
      </c>
      <c r="D2">
        <v>0</v>
      </c>
      <c r="E2" t="s">
        <v>0</v>
      </c>
      <c r="F2" t="s">
        <v>1</v>
      </c>
      <c r="G2" t="s">
        <v>2</v>
      </c>
      <c r="H2">
        <v>60</v>
      </c>
      <c r="I2">
        <v>30</v>
      </c>
      <c r="J2">
        <v>10</v>
      </c>
      <c r="K2">
        <v>15</v>
      </c>
      <c r="L2">
        <v>0</v>
      </c>
      <c r="M2">
        <v>0</v>
      </c>
      <c r="N2">
        <v>0</v>
      </c>
      <c r="O2">
        <v>0</v>
      </c>
      <c r="P2" t="s">
        <v>3</v>
      </c>
      <c r="Q2" t="s">
        <v>4</v>
      </c>
      <c r="R2" t="s">
        <v>5</v>
      </c>
      <c r="S2" t="s">
        <v>6</v>
      </c>
      <c r="T2" t="s">
        <v>7</v>
      </c>
      <c r="U2" t="s">
        <v>8</v>
      </c>
      <c r="AI2">
        <v>1</v>
      </c>
      <c r="AJ2">
        <v>1</v>
      </c>
      <c r="AK2">
        <v>1</v>
      </c>
      <c r="AL2">
        <v>1</v>
      </c>
      <c r="AM2">
        <v>1</v>
      </c>
      <c r="AN2">
        <v>2</v>
      </c>
      <c r="AO2">
        <v>2</v>
      </c>
      <c r="AP2">
        <v>1</v>
      </c>
      <c r="AQ2">
        <v>2</v>
      </c>
      <c r="AR2">
        <v>2</v>
      </c>
      <c r="AS2">
        <v>3</v>
      </c>
      <c r="AT2">
        <v>4</v>
      </c>
      <c r="AU2">
        <v>5</v>
      </c>
      <c r="AV2">
        <v>6</v>
      </c>
      <c r="AW2">
        <v>0</v>
      </c>
      <c r="AX2">
        <v>0</v>
      </c>
      <c r="AY2">
        <v>2</v>
      </c>
      <c r="AZ2">
        <v>3</v>
      </c>
      <c r="BA2">
        <v>0</v>
      </c>
      <c r="BB2">
        <v>5</v>
      </c>
      <c r="BC2">
        <v>4</v>
      </c>
      <c r="BD2" t="s">
        <v>9</v>
      </c>
      <c r="BE2">
        <v>16</v>
      </c>
      <c r="BF2">
        <v>18</v>
      </c>
      <c r="BG2">
        <v>20</v>
      </c>
      <c r="BH2">
        <v>0</v>
      </c>
      <c r="BI2">
        <v>1</v>
      </c>
      <c r="BJ2">
        <v>0</v>
      </c>
      <c r="BR2">
        <v>0</v>
      </c>
      <c r="BV2" s="2" t="s">
        <v>10</v>
      </c>
      <c r="BW2" s="2" t="s">
        <v>1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V228"/>
  <sheetViews>
    <sheetView topLeftCell="BM145" workbookViewId="0">
      <selection activeCell="BM1" sqref="BM1:BR149"/>
    </sheetView>
  </sheetViews>
  <sheetFormatPr defaultRowHeight="18.75" x14ac:dyDescent="0.4"/>
  <sheetData>
    <row r="1" spans="1:70" x14ac:dyDescent="0.4">
      <c r="A1" t="s">
        <v>12</v>
      </c>
      <c r="B1" t="s">
        <v>13</v>
      </c>
      <c r="C1" t="s">
        <v>14</v>
      </c>
      <c r="D1" t="s">
        <v>15</v>
      </c>
      <c r="E1" t="s">
        <v>16</v>
      </c>
      <c r="F1" t="s">
        <v>17</v>
      </c>
      <c r="BM1" t="s">
        <v>12</v>
      </c>
      <c r="BN1" t="s">
        <v>13</v>
      </c>
      <c r="BO1" t="s">
        <v>14</v>
      </c>
      <c r="BP1" t="s">
        <v>15</v>
      </c>
      <c r="BQ1" t="s">
        <v>16</v>
      </c>
      <c r="BR1" t="s">
        <v>17</v>
      </c>
    </row>
    <row r="2" spans="1:70" x14ac:dyDescent="0.4">
      <c r="A2">
        <v>1</v>
      </c>
      <c r="B2" s="3" t="s">
        <v>18</v>
      </c>
      <c r="C2">
        <v>24</v>
      </c>
      <c r="D2" s="3"/>
      <c r="F2" s="3"/>
      <c r="BM2">
        <v>1</v>
      </c>
      <c r="BN2" s="3" t="s">
        <v>18</v>
      </c>
      <c r="BO2">
        <v>24</v>
      </c>
      <c r="BP2" s="3"/>
      <c r="BR2" s="3"/>
    </row>
    <row r="3" spans="1:70" x14ac:dyDescent="0.4">
      <c r="A3">
        <v>2</v>
      </c>
      <c r="B3" s="3" t="s">
        <v>18</v>
      </c>
      <c r="C3">
        <v>24</v>
      </c>
      <c r="D3" s="3"/>
      <c r="F3" s="3"/>
      <c r="BM3">
        <v>2</v>
      </c>
      <c r="BN3" s="3" t="s">
        <v>18</v>
      </c>
      <c r="BO3">
        <v>24</v>
      </c>
      <c r="BP3" s="3"/>
      <c r="BR3" s="3"/>
    </row>
    <row r="4" spans="1:70" x14ac:dyDescent="0.4">
      <c r="A4">
        <v>3</v>
      </c>
      <c r="B4" s="3" t="s">
        <v>18</v>
      </c>
      <c r="C4">
        <v>12</v>
      </c>
      <c r="D4" s="3"/>
      <c r="F4" s="3"/>
      <c r="BM4">
        <v>3</v>
      </c>
      <c r="BN4" s="3" t="s">
        <v>18</v>
      </c>
      <c r="BO4">
        <v>12</v>
      </c>
      <c r="BP4" s="3"/>
      <c r="BR4" s="3"/>
    </row>
    <row r="5" spans="1:70" x14ac:dyDescent="0.4">
      <c r="A5">
        <v>4</v>
      </c>
      <c r="B5" s="3" t="s">
        <v>18</v>
      </c>
      <c r="C5">
        <v>12</v>
      </c>
      <c r="D5" s="3"/>
      <c r="F5" s="3"/>
      <c r="BM5">
        <v>4</v>
      </c>
      <c r="BN5" s="3" t="s">
        <v>18</v>
      </c>
      <c r="BO5">
        <v>12</v>
      </c>
      <c r="BP5" s="3"/>
      <c r="BR5" s="3"/>
    </row>
    <row r="6" spans="1:70" x14ac:dyDescent="0.4">
      <c r="A6">
        <v>5</v>
      </c>
      <c r="B6" s="3" t="s">
        <v>18</v>
      </c>
      <c r="C6">
        <v>40</v>
      </c>
      <c r="D6" s="3" t="s">
        <v>19</v>
      </c>
      <c r="F6" s="3"/>
      <c r="BM6">
        <v>5</v>
      </c>
      <c r="BN6" s="3" t="s">
        <v>18</v>
      </c>
      <c r="BO6">
        <v>40</v>
      </c>
      <c r="BP6" s="3" t="s">
        <v>19</v>
      </c>
      <c r="BR6" s="3"/>
    </row>
    <row r="7" spans="1:70" x14ac:dyDescent="0.4">
      <c r="A7">
        <v>6</v>
      </c>
      <c r="B7" s="3" t="s">
        <v>18</v>
      </c>
      <c r="C7">
        <v>40</v>
      </c>
      <c r="D7" s="3" t="s">
        <v>19</v>
      </c>
      <c r="F7" s="3"/>
      <c r="BM7">
        <v>6</v>
      </c>
      <c r="BN7" s="3" t="s">
        <v>18</v>
      </c>
      <c r="BO7">
        <v>40</v>
      </c>
      <c r="BP7" s="3" t="s">
        <v>19</v>
      </c>
      <c r="BR7" s="3"/>
    </row>
    <row r="8" spans="1:70" x14ac:dyDescent="0.4">
      <c r="A8">
        <v>7</v>
      </c>
      <c r="B8" s="3" t="s">
        <v>18</v>
      </c>
      <c r="C8">
        <v>15</v>
      </c>
      <c r="D8" s="3" t="s">
        <v>19</v>
      </c>
      <c r="F8" s="3"/>
      <c r="BM8">
        <v>7</v>
      </c>
      <c r="BN8" s="3" t="s">
        <v>18</v>
      </c>
      <c r="BO8">
        <v>15</v>
      </c>
      <c r="BP8" s="3" t="s">
        <v>19</v>
      </c>
      <c r="BR8" s="3"/>
    </row>
    <row r="9" spans="1:70" x14ac:dyDescent="0.4">
      <c r="A9">
        <v>8</v>
      </c>
      <c r="B9" s="3" t="s">
        <v>18</v>
      </c>
      <c r="C9">
        <v>12</v>
      </c>
      <c r="D9" s="3"/>
      <c r="F9" s="3"/>
      <c r="BM9">
        <v>8</v>
      </c>
      <c r="BN9" s="3" t="s">
        <v>18</v>
      </c>
      <c r="BO9">
        <v>12</v>
      </c>
      <c r="BP9" s="3"/>
      <c r="BR9" s="3"/>
    </row>
    <row r="10" spans="1:70" x14ac:dyDescent="0.4">
      <c r="A10">
        <v>9</v>
      </c>
      <c r="B10" s="3" t="s">
        <v>18</v>
      </c>
      <c r="C10">
        <v>12</v>
      </c>
      <c r="D10" s="3"/>
      <c r="F10" s="3"/>
      <c r="BM10">
        <v>9</v>
      </c>
      <c r="BN10" s="3" t="s">
        <v>18</v>
      </c>
      <c r="BO10">
        <v>12</v>
      </c>
      <c r="BP10" s="3"/>
      <c r="BR10" s="3"/>
    </row>
    <row r="11" spans="1:70" x14ac:dyDescent="0.4">
      <c r="A11">
        <v>10</v>
      </c>
      <c r="B11" s="3" t="s">
        <v>18</v>
      </c>
      <c r="C11">
        <v>12</v>
      </c>
      <c r="D11" s="3"/>
      <c r="F11" s="3"/>
      <c r="BM11">
        <v>10</v>
      </c>
      <c r="BN11" s="3" t="s">
        <v>18</v>
      </c>
      <c r="BO11">
        <v>12</v>
      </c>
      <c r="BP11" s="3"/>
      <c r="BR11" s="3"/>
    </row>
    <row r="12" spans="1:70" x14ac:dyDescent="0.4">
      <c r="A12">
        <v>11</v>
      </c>
      <c r="B12" s="3" t="s">
        <v>18</v>
      </c>
      <c r="C12">
        <v>12</v>
      </c>
      <c r="D12" s="3"/>
      <c r="F12" s="3"/>
      <c r="BM12">
        <v>11</v>
      </c>
      <c r="BN12" s="3" t="s">
        <v>18</v>
      </c>
      <c r="BO12">
        <v>12</v>
      </c>
      <c r="BP12" s="3"/>
      <c r="BR12" s="3"/>
    </row>
    <row r="13" spans="1:70" x14ac:dyDescent="0.4">
      <c r="A13">
        <v>12</v>
      </c>
      <c r="B13" s="3" t="s">
        <v>18</v>
      </c>
      <c r="C13">
        <v>12</v>
      </c>
      <c r="D13" s="3"/>
      <c r="F13" s="3"/>
      <c r="BM13">
        <v>12</v>
      </c>
      <c r="BN13" s="3" t="s">
        <v>18</v>
      </c>
      <c r="BO13">
        <v>12</v>
      </c>
      <c r="BP13" s="3"/>
      <c r="BR13" s="3"/>
    </row>
    <row r="14" spans="1:70" x14ac:dyDescent="0.4">
      <c r="A14">
        <v>13</v>
      </c>
      <c r="B14" s="3" t="s">
        <v>18</v>
      </c>
      <c r="C14">
        <v>12</v>
      </c>
      <c r="D14" s="3"/>
      <c r="F14" s="3"/>
      <c r="BM14">
        <v>13</v>
      </c>
      <c r="BN14" s="3" t="s">
        <v>18</v>
      </c>
      <c r="BO14">
        <v>12</v>
      </c>
      <c r="BP14" s="3"/>
      <c r="BR14" s="3"/>
    </row>
    <row r="15" spans="1:70" x14ac:dyDescent="0.4">
      <c r="A15">
        <v>14</v>
      </c>
      <c r="B15" s="3" t="s">
        <v>18</v>
      </c>
      <c r="C15">
        <v>12</v>
      </c>
      <c r="D15" s="3"/>
      <c r="F15" s="3"/>
      <c r="BM15">
        <v>14</v>
      </c>
      <c r="BN15" s="3" t="s">
        <v>18</v>
      </c>
      <c r="BO15">
        <v>12</v>
      </c>
      <c r="BP15" s="3"/>
      <c r="BR15" s="3"/>
    </row>
    <row r="16" spans="1:70" x14ac:dyDescent="0.4">
      <c r="A16">
        <v>15</v>
      </c>
      <c r="B16" s="3" t="s">
        <v>18</v>
      </c>
      <c r="C16">
        <v>12</v>
      </c>
      <c r="D16" s="3"/>
      <c r="F16" s="3"/>
      <c r="BM16">
        <v>15</v>
      </c>
      <c r="BN16" s="3" t="s">
        <v>18</v>
      </c>
      <c r="BO16">
        <v>12</v>
      </c>
      <c r="BP16" s="3"/>
      <c r="BR16" s="3"/>
    </row>
    <row r="17" spans="1:70" x14ac:dyDescent="0.4">
      <c r="A17">
        <v>16</v>
      </c>
      <c r="B17" s="3" t="s">
        <v>18</v>
      </c>
      <c r="C17">
        <v>10</v>
      </c>
      <c r="D17" s="3" t="s">
        <v>19</v>
      </c>
      <c r="F17" s="3"/>
      <c r="BM17">
        <v>16</v>
      </c>
      <c r="BN17" s="3" t="s">
        <v>18</v>
      </c>
      <c r="BO17">
        <v>10</v>
      </c>
      <c r="BP17" s="3" t="s">
        <v>19</v>
      </c>
      <c r="BR17" s="3"/>
    </row>
    <row r="18" spans="1:70" x14ac:dyDescent="0.4">
      <c r="A18">
        <v>17</v>
      </c>
      <c r="B18" s="3" t="s">
        <v>18</v>
      </c>
      <c r="C18">
        <v>10</v>
      </c>
      <c r="D18" s="3" t="s">
        <v>19</v>
      </c>
      <c r="F18" s="3"/>
      <c r="BM18">
        <v>17</v>
      </c>
      <c r="BN18" s="3" t="s">
        <v>18</v>
      </c>
      <c r="BO18">
        <v>10</v>
      </c>
      <c r="BP18" s="3" t="s">
        <v>19</v>
      </c>
      <c r="BR18" s="3"/>
    </row>
    <row r="19" spans="1:70" x14ac:dyDescent="0.4">
      <c r="A19">
        <v>18</v>
      </c>
      <c r="B19" s="3" t="s">
        <v>18</v>
      </c>
      <c r="C19">
        <v>10</v>
      </c>
      <c r="D19" s="3" t="s">
        <v>19</v>
      </c>
      <c r="F19" s="3"/>
      <c r="BM19">
        <v>18</v>
      </c>
      <c r="BN19" s="3" t="s">
        <v>18</v>
      </c>
      <c r="BO19">
        <v>10</v>
      </c>
      <c r="BP19" s="3" t="s">
        <v>19</v>
      </c>
      <c r="BR19" s="3"/>
    </row>
    <row r="20" spans="1:70" x14ac:dyDescent="0.4">
      <c r="A20">
        <v>19</v>
      </c>
      <c r="B20" s="3" t="s">
        <v>18</v>
      </c>
      <c r="C20">
        <v>10</v>
      </c>
      <c r="D20" s="3" t="s">
        <v>19</v>
      </c>
      <c r="F20" s="3"/>
      <c r="BM20">
        <v>19</v>
      </c>
      <c r="BN20" s="3" t="s">
        <v>18</v>
      </c>
      <c r="BO20">
        <v>10</v>
      </c>
      <c r="BP20" s="3" t="s">
        <v>19</v>
      </c>
      <c r="BR20" s="3"/>
    </row>
    <row r="21" spans="1:70" x14ac:dyDescent="0.4">
      <c r="A21">
        <v>20</v>
      </c>
      <c r="B21" s="3" t="s">
        <v>18</v>
      </c>
      <c r="C21">
        <v>10</v>
      </c>
      <c r="D21" s="3" t="s">
        <v>19</v>
      </c>
      <c r="F21" s="3"/>
      <c r="BM21">
        <v>20</v>
      </c>
      <c r="BN21" s="3" t="s">
        <v>18</v>
      </c>
      <c r="BO21">
        <v>10</v>
      </c>
      <c r="BP21" s="3" t="s">
        <v>19</v>
      </c>
      <c r="BR21" s="3"/>
    </row>
    <row r="22" spans="1:70" x14ac:dyDescent="0.4">
      <c r="A22">
        <v>21</v>
      </c>
      <c r="B22" s="3" t="s">
        <v>18</v>
      </c>
      <c r="C22">
        <v>10</v>
      </c>
      <c r="D22" s="3" t="s">
        <v>19</v>
      </c>
      <c r="F22" s="3"/>
      <c r="BM22">
        <v>21</v>
      </c>
      <c r="BN22" s="3" t="s">
        <v>18</v>
      </c>
      <c r="BO22">
        <v>10</v>
      </c>
      <c r="BP22" s="3" t="s">
        <v>19</v>
      </c>
      <c r="BR22" s="3"/>
    </row>
    <row r="23" spans="1:70" x14ac:dyDescent="0.4">
      <c r="A23">
        <v>22</v>
      </c>
      <c r="B23" s="3" t="s">
        <v>18</v>
      </c>
      <c r="C23">
        <v>10</v>
      </c>
      <c r="D23" s="3" t="s">
        <v>19</v>
      </c>
      <c r="F23" s="3"/>
      <c r="BM23">
        <v>22</v>
      </c>
      <c r="BN23" s="3" t="s">
        <v>18</v>
      </c>
      <c r="BO23">
        <v>10</v>
      </c>
      <c r="BP23" s="3" t="s">
        <v>19</v>
      </c>
      <c r="BR23" s="3"/>
    </row>
    <row r="24" spans="1:70" x14ac:dyDescent="0.4">
      <c r="A24">
        <v>23</v>
      </c>
      <c r="B24" s="3" t="s">
        <v>18</v>
      </c>
      <c r="C24">
        <v>10</v>
      </c>
      <c r="D24" s="3" t="s">
        <v>19</v>
      </c>
      <c r="F24" s="3"/>
      <c r="BM24">
        <v>23</v>
      </c>
      <c r="BN24" s="3" t="s">
        <v>18</v>
      </c>
      <c r="BO24">
        <v>10</v>
      </c>
      <c r="BP24" s="3" t="s">
        <v>19</v>
      </c>
      <c r="BR24" s="3"/>
    </row>
    <row r="25" spans="1:70" x14ac:dyDescent="0.4">
      <c r="A25">
        <v>24</v>
      </c>
      <c r="B25" s="3" t="s">
        <v>18</v>
      </c>
      <c r="C25">
        <v>10</v>
      </c>
      <c r="D25" s="3" t="s">
        <v>19</v>
      </c>
      <c r="F25" s="3"/>
      <c r="BM25">
        <v>24</v>
      </c>
      <c r="BN25" s="3" t="s">
        <v>18</v>
      </c>
      <c r="BO25">
        <v>10</v>
      </c>
      <c r="BP25" s="3" t="s">
        <v>19</v>
      </c>
      <c r="BR25" s="3"/>
    </row>
    <row r="26" spans="1:70" x14ac:dyDescent="0.4">
      <c r="A26">
        <v>25</v>
      </c>
      <c r="B26" s="3" t="s">
        <v>18</v>
      </c>
      <c r="C26">
        <v>10</v>
      </c>
      <c r="D26" s="3" t="s">
        <v>19</v>
      </c>
      <c r="F26" s="3"/>
      <c r="BM26">
        <v>25</v>
      </c>
      <c r="BN26" s="3" t="s">
        <v>18</v>
      </c>
      <c r="BO26">
        <v>10</v>
      </c>
      <c r="BP26" s="3" t="s">
        <v>19</v>
      </c>
      <c r="BR26" s="3"/>
    </row>
    <row r="27" spans="1:70" x14ac:dyDescent="0.4">
      <c r="A27">
        <v>26</v>
      </c>
      <c r="B27" s="3" t="s">
        <v>18</v>
      </c>
      <c r="C27">
        <v>10</v>
      </c>
      <c r="D27" s="3" t="s">
        <v>19</v>
      </c>
      <c r="F27" s="3"/>
      <c r="BM27">
        <v>26</v>
      </c>
      <c r="BN27" s="3" t="s">
        <v>18</v>
      </c>
      <c r="BO27">
        <v>10</v>
      </c>
      <c r="BP27" s="3" t="s">
        <v>19</v>
      </c>
      <c r="BR27" s="3"/>
    </row>
    <row r="28" spans="1:70" x14ac:dyDescent="0.4">
      <c r="A28">
        <v>27</v>
      </c>
      <c r="B28" s="3" t="s">
        <v>18</v>
      </c>
      <c r="C28">
        <v>10</v>
      </c>
      <c r="D28" s="3" t="s">
        <v>19</v>
      </c>
      <c r="F28" s="3"/>
      <c r="BM28">
        <v>27</v>
      </c>
      <c r="BN28" s="3" t="s">
        <v>18</v>
      </c>
      <c r="BO28">
        <v>10</v>
      </c>
      <c r="BP28" s="3" t="s">
        <v>19</v>
      </c>
      <c r="BR28" s="3"/>
    </row>
    <row r="29" spans="1:70" x14ac:dyDescent="0.4">
      <c r="A29">
        <v>28</v>
      </c>
      <c r="B29" s="3" t="s">
        <v>18</v>
      </c>
      <c r="C29">
        <v>10</v>
      </c>
      <c r="D29" s="3" t="s">
        <v>19</v>
      </c>
      <c r="F29" s="3"/>
      <c r="BM29">
        <v>28</v>
      </c>
      <c r="BN29" s="3" t="s">
        <v>18</v>
      </c>
      <c r="BO29">
        <v>10</v>
      </c>
      <c r="BP29" s="3" t="s">
        <v>19</v>
      </c>
      <c r="BR29" s="3"/>
    </row>
    <row r="30" spans="1:70" x14ac:dyDescent="0.4">
      <c r="A30">
        <v>29</v>
      </c>
      <c r="B30" s="3" t="s">
        <v>18</v>
      </c>
      <c r="C30">
        <v>10</v>
      </c>
      <c r="D30" s="3" t="s">
        <v>19</v>
      </c>
      <c r="F30" s="3"/>
      <c r="BM30">
        <v>29</v>
      </c>
      <c r="BN30" s="3" t="s">
        <v>18</v>
      </c>
      <c r="BO30">
        <v>10</v>
      </c>
      <c r="BP30" s="3" t="s">
        <v>19</v>
      </c>
      <c r="BR30" s="3"/>
    </row>
    <row r="31" spans="1:70" x14ac:dyDescent="0.4">
      <c r="A31">
        <v>30</v>
      </c>
      <c r="B31" s="3" t="s">
        <v>18</v>
      </c>
      <c r="C31">
        <v>10</v>
      </c>
      <c r="D31" s="3" t="s">
        <v>19</v>
      </c>
      <c r="F31" s="3"/>
      <c r="BM31">
        <v>30</v>
      </c>
      <c r="BN31" s="3" t="s">
        <v>18</v>
      </c>
      <c r="BO31">
        <v>10</v>
      </c>
      <c r="BP31" s="3" t="s">
        <v>19</v>
      </c>
      <c r="BR31" s="3"/>
    </row>
    <row r="32" spans="1:70" x14ac:dyDescent="0.4">
      <c r="A32">
        <v>31</v>
      </c>
      <c r="B32" s="3" t="s">
        <v>18</v>
      </c>
      <c r="C32">
        <v>10</v>
      </c>
      <c r="D32" s="3" t="s">
        <v>19</v>
      </c>
      <c r="F32" s="3"/>
      <c r="BM32">
        <v>31</v>
      </c>
      <c r="BN32" s="3" t="s">
        <v>18</v>
      </c>
      <c r="BO32">
        <v>10</v>
      </c>
      <c r="BP32" s="3" t="s">
        <v>19</v>
      </c>
      <c r="BR32" s="3"/>
    </row>
    <row r="33" spans="1:70" x14ac:dyDescent="0.4">
      <c r="A33">
        <v>32</v>
      </c>
      <c r="B33" s="3" t="s">
        <v>18</v>
      </c>
      <c r="C33">
        <v>10</v>
      </c>
      <c r="D33" s="3" t="s">
        <v>19</v>
      </c>
      <c r="F33" s="3"/>
      <c r="BM33">
        <v>32</v>
      </c>
      <c r="BN33" s="3" t="s">
        <v>18</v>
      </c>
      <c r="BO33">
        <v>10</v>
      </c>
      <c r="BP33" s="3" t="s">
        <v>19</v>
      </c>
      <c r="BR33" s="3"/>
    </row>
    <row r="34" spans="1:70" x14ac:dyDescent="0.4">
      <c r="A34">
        <v>33</v>
      </c>
      <c r="B34" s="3" t="s">
        <v>18</v>
      </c>
      <c r="C34">
        <v>10</v>
      </c>
      <c r="D34" s="3" t="s">
        <v>19</v>
      </c>
      <c r="F34" s="3"/>
      <c r="BM34">
        <v>33</v>
      </c>
      <c r="BN34" s="3" t="s">
        <v>18</v>
      </c>
      <c r="BO34">
        <v>10</v>
      </c>
      <c r="BP34" s="3" t="s">
        <v>19</v>
      </c>
      <c r="BR34" s="3"/>
    </row>
    <row r="35" spans="1:70" x14ac:dyDescent="0.4">
      <c r="A35">
        <v>34</v>
      </c>
      <c r="B35" s="3" t="s">
        <v>18</v>
      </c>
      <c r="C35">
        <v>10</v>
      </c>
      <c r="D35" s="3" t="s">
        <v>19</v>
      </c>
      <c r="F35" s="3"/>
      <c r="BM35">
        <v>34</v>
      </c>
      <c r="BN35" s="3" t="s">
        <v>18</v>
      </c>
      <c r="BO35">
        <v>10</v>
      </c>
      <c r="BP35" s="3" t="s">
        <v>19</v>
      </c>
      <c r="BR35" s="3"/>
    </row>
    <row r="36" spans="1:70" x14ac:dyDescent="0.4">
      <c r="A36">
        <v>35</v>
      </c>
      <c r="B36" s="3" t="s">
        <v>18</v>
      </c>
      <c r="C36">
        <v>12</v>
      </c>
      <c r="D36" s="3"/>
      <c r="F36" s="3"/>
      <c r="BM36">
        <v>35</v>
      </c>
      <c r="BN36" s="3" t="s">
        <v>18</v>
      </c>
      <c r="BO36">
        <v>12</v>
      </c>
      <c r="BP36" s="3"/>
      <c r="BR36" s="3"/>
    </row>
    <row r="37" spans="1:70" x14ac:dyDescent="0.4">
      <c r="A37">
        <v>36</v>
      </c>
      <c r="B37" s="3" t="s">
        <v>18</v>
      </c>
      <c r="C37">
        <v>12</v>
      </c>
      <c r="D37" s="3"/>
      <c r="F37" s="3"/>
      <c r="BM37">
        <v>36</v>
      </c>
      <c r="BN37" s="3" t="s">
        <v>18</v>
      </c>
      <c r="BO37">
        <v>12</v>
      </c>
      <c r="BP37" s="3"/>
      <c r="BR37" s="3"/>
    </row>
    <row r="38" spans="1:70" x14ac:dyDescent="0.4">
      <c r="A38">
        <v>37</v>
      </c>
      <c r="B38" s="3" t="s">
        <v>18</v>
      </c>
      <c r="C38">
        <v>12</v>
      </c>
      <c r="D38" s="3"/>
      <c r="F38" s="3"/>
      <c r="BM38">
        <v>37</v>
      </c>
      <c r="BN38" s="3" t="s">
        <v>18</v>
      </c>
      <c r="BO38">
        <v>12</v>
      </c>
      <c r="BP38" s="3"/>
      <c r="BR38" s="3"/>
    </row>
    <row r="39" spans="1:70" x14ac:dyDescent="0.4">
      <c r="A39">
        <v>38</v>
      </c>
      <c r="B39" s="3" t="s">
        <v>18</v>
      </c>
      <c r="C39">
        <v>12</v>
      </c>
      <c r="D39" s="3"/>
      <c r="F39" s="3"/>
      <c r="BM39">
        <v>38</v>
      </c>
      <c r="BN39" s="3" t="s">
        <v>18</v>
      </c>
      <c r="BO39">
        <v>12</v>
      </c>
      <c r="BP39" s="3"/>
      <c r="BR39" s="3"/>
    </row>
    <row r="40" spans="1:70" x14ac:dyDescent="0.4">
      <c r="A40">
        <v>39</v>
      </c>
      <c r="B40" s="3" t="s">
        <v>18</v>
      </c>
      <c r="C40">
        <v>12</v>
      </c>
      <c r="D40" s="3"/>
      <c r="F40" s="3"/>
      <c r="BM40">
        <v>39</v>
      </c>
      <c r="BN40" s="3" t="s">
        <v>18</v>
      </c>
      <c r="BO40">
        <v>12</v>
      </c>
      <c r="BP40" s="3"/>
      <c r="BR40" s="3"/>
    </row>
    <row r="41" spans="1:70" x14ac:dyDescent="0.4">
      <c r="A41">
        <v>40</v>
      </c>
      <c r="B41" s="3" t="s">
        <v>18</v>
      </c>
      <c r="C41">
        <v>12</v>
      </c>
      <c r="D41" s="3"/>
      <c r="F41" s="3"/>
      <c r="BM41">
        <v>40</v>
      </c>
      <c r="BN41" s="3" t="s">
        <v>18</v>
      </c>
      <c r="BO41">
        <v>12</v>
      </c>
      <c r="BP41" s="3"/>
      <c r="BR41" s="3"/>
    </row>
    <row r="42" spans="1:70" x14ac:dyDescent="0.4">
      <c r="A42">
        <v>41</v>
      </c>
      <c r="B42" s="3" t="s">
        <v>18</v>
      </c>
      <c r="C42">
        <v>12</v>
      </c>
      <c r="D42" s="3"/>
      <c r="F42" s="3"/>
      <c r="BM42">
        <v>41</v>
      </c>
      <c r="BN42" s="3" t="s">
        <v>18</v>
      </c>
      <c r="BO42">
        <v>12</v>
      </c>
      <c r="BP42" s="3"/>
      <c r="BR42" s="3"/>
    </row>
    <row r="43" spans="1:70" x14ac:dyDescent="0.4">
      <c r="A43">
        <v>42</v>
      </c>
      <c r="B43" s="3" t="s">
        <v>18</v>
      </c>
      <c r="C43">
        <v>12</v>
      </c>
      <c r="D43" s="3"/>
      <c r="F43" s="3"/>
      <c r="BM43">
        <v>42</v>
      </c>
      <c r="BN43" s="3" t="s">
        <v>18</v>
      </c>
      <c r="BO43">
        <v>12</v>
      </c>
      <c r="BP43" s="3"/>
      <c r="BR43" s="3"/>
    </row>
    <row r="44" spans="1:70" x14ac:dyDescent="0.4">
      <c r="A44">
        <v>43</v>
      </c>
      <c r="B44" s="3" t="s">
        <v>18</v>
      </c>
      <c r="C44">
        <v>12</v>
      </c>
      <c r="D44" s="3"/>
      <c r="F44" s="3"/>
      <c r="BM44">
        <v>43</v>
      </c>
      <c r="BN44" s="3" t="s">
        <v>18</v>
      </c>
      <c r="BO44">
        <v>12</v>
      </c>
      <c r="BP44" s="3"/>
      <c r="BR44" s="3"/>
    </row>
    <row r="45" spans="1:70" x14ac:dyDescent="0.4">
      <c r="A45">
        <v>44</v>
      </c>
      <c r="B45" s="3" t="s">
        <v>18</v>
      </c>
      <c r="C45">
        <v>12</v>
      </c>
      <c r="D45" s="3"/>
      <c r="F45" s="3"/>
      <c r="BM45">
        <v>44</v>
      </c>
      <c r="BN45" s="3" t="s">
        <v>18</v>
      </c>
      <c r="BO45">
        <v>12</v>
      </c>
      <c r="BP45" s="3"/>
      <c r="BR45" s="3"/>
    </row>
    <row r="46" spans="1:70" x14ac:dyDescent="0.4">
      <c r="A46">
        <v>45</v>
      </c>
      <c r="B46" s="3" t="s">
        <v>18</v>
      </c>
      <c r="C46">
        <v>12</v>
      </c>
      <c r="D46" s="3"/>
      <c r="F46" s="3"/>
      <c r="BM46">
        <v>45</v>
      </c>
      <c r="BN46" s="3" t="s">
        <v>18</v>
      </c>
      <c r="BO46">
        <v>12</v>
      </c>
      <c r="BP46" s="3"/>
      <c r="BR46" s="3"/>
    </row>
    <row r="47" spans="1:70" x14ac:dyDescent="0.4">
      <c r="A47">
        <v>46</v>
      </c>
      <c r="B47" s="3" t="s">
        <v>18</v>
      </c>
      <c r="C47">
        <v>12</v>
      </c>
      <c r="D47" s="3"/>
      <c r="F47" s="3"/>
      <c r="BM47">
        <v>46</v>
      </c>
      <c r="BN47" s="3" t="s">
        <v>18</v>
      </c>
      <c r="BO47">
        <v>12</v>
      </c>
      <c r="BP47" s="3"/>
      <c r="BR47" s="3"/>
    </row>
    <row r="48" spans="1:70" x14ac:dyDescent="0.4">
      <c r="A48">
        <v>47</v>
      </c>
      <c r="B48" s="3" t="s">
        <v>18</v>
      </c>
      <c r="C48">
        <v>12</v>
      </c>
      <c r="D48" s="3"/>
      <c r="F48" s="3"/>
      <c r="BM48">
        <v>47</v>
      </c>
      <c r="BN48" s="3" t="s">
        <v>18</v>
      </c>
      <c r="BO48">
        <v>12</v>
      </c>
      <c r="BP48" s="3"/>
      <c r="BR48" s="3"/>
    </row>
    <row r="49" spans="1:70" x14ac:dyDescent="0.4">
      <c r="A49">
        <v>48</v>
      </c>
      <c r="B49" s="3" t="s">
        <v>18</v>
      </c>
      <c r="C49">
        <v>12</v>
      </c>
      <c r="D49" s="3"/>
      <c r="F49" s="3"/>
      <c r="BM49">
        <v>48</v>
      </c>
      <c r="BN49" s="3" t="s">
        <v>18</v>
      </c>
      <c r="BO49">
        <v>12</v>
      </c>
      <c r="BP49" s="3"/>
      <c r="BR49" s="3"/>
    </row>
    <row r="50" spans="1:70" x14ac:dyDescent="0.4">
      <c r="A50">
        <v>49</v>
      </c>
      <c r="B50" s="3" t="s">
        <v>18</v>
      </c>
      <c r="C50">
        <v>12</v>
      </c>
      <c r="D50" s="3"/>
      <c r="F50" s="3"/>
      <c r="BM50">
        <v>49</v>
      </c>
      <c r="BN50" s="3" t="s">
        <v>18</v>
      </c>
      <c r="BO50">
        <v>12</v>
      </c>
      <c r="BP50" s="3"/>
      <c r="BR50" s="3"/>
    </row>
    <row r="51" spans="1:70" x14ac:dyDescent="0.4">
      <c r="A51">
        <v>50</v>
      </c>
      <c r="B51" s="3" t="s">
        <v>18</v>
      </c>
      <c r="C51">
        <v>12</v>
      </c>
      <c r="D51" s="3"/>
      <c r="F51" s="3"/>
      <c r="BM51">
        <v>50</v>
      </c>
      <c r="BN51" s="3" t="s">
        <v>18</v>
      </c>
      <c r="BO51">
        <v>12</v>
      </c>
      <c r="BP51" s="3"/>
      <c r="BR51" s="3"/>
    </row>
    <row r="52" spans="1:70" x14ac:dyDescent="0.4">
      <c r="A52">
        <v>51</v>
      </c>
      <c r="B52" s="3" t="s">
        <v>18</v>
      </c>
      <c r="C52">
        <v>12</v>
      </c>
      <c r="D52" s="3"/>
      <c r="F52" s="3"/>
      <c r="BM52">
        <v>51</v>
      </c>
      <c r="BN52" s="3" t="s">
        <v>18</v>
      </c>
      <c r="BO52">
        <v>12</v>
      </c>
      <c r="BP52" s="3"/>
      <c r="BR52" s="3"/>
    </row>
    <row r="53" spans="1:70" x14ac:dyDescent="0.4">
      <c r="A53">
        <v>52</v>
      </c>
      <c r="B53" s="3" t="s">
        <v>18</v>
      </c>
      <c r="C53">
        <v>12</v>
      </c>
      <c r="D53" s="3"/>
      <c r="F53" s="3"/>
      <c r="BM53">
        <v>52</v>
      </c>
      <c r="BN53" s="3" t="s">
        <v>18</v>
      </c>
      <c r="BO53">
        <v>12</v>
      </c>
      <c r="BP53" s="3"/>
      <c r="BR53" s="3"/>
    </row>
    <row r="54" spans="1:70" x14ac:dyDescent="0.4">
      <c r="A54">
        <v>53</v>
      </c>
      <c r="B54" s="3" t="s">
        <v>18</v>
      </c>
      <c r="C54">
        <v>12</v>
      </c>
      <c r="D54" s="3"/>
      <c r="F54" s="3"/>
      <c r="BM54">
        <v>53</v>
      </c>
      <c r="BN54" s="3" t="s">
        <v>18</v>
      </c>
      <c r="BO54">
        <v>12</v>
      </c>
      <c r="BP54" s="3"/>
      <c r="BR54" s="3"/>
    </row>
    <row r="55" spans="1:70" x14ac:dyDescent="0.4">
      <c r="A55">
        <v>54</v>
      </c>
      <c r="B55" s="3" t="s">
        <v>18</v>
      </c>
      <c r="C55">
        <v>12</v>
      </c>
      <c r="D55" s="3"/>
      <c r="F55" s="3"/>
      <c r="BM55">
        <v>54</v>
      </c>
      <c r="BN55" s="3" t="s">
        <v>18</v>
      </c>
      <c r="BO55">
        <v>12</v>
      </c>
      <c r="BP55" s="3"/>
      <c r="BR55" s="3"/>
    </row>
    <row r="56" spans="1:70" x14ac:dyDescent="0.4">
      <c r="A56">
        <v>55</v>
      </c>
      <c r="B56" s="3" t="s">
        <v>18</v>
      </c>
      <c r="C56">
        <v>12</v>
      </c>
      <c r="D56" s="3"/>
      <c r="F56" s="3"/>
      <c r="BM56">
        <v>55</v>
      </c>
      <c r="BN56" s="3" t="s">
        <v>18</v>
      </c>
      <c r="BO56">
        <v>12</v>
      </c>
      <c r="BP56" s="3"/>
      <c r="BR56" s="3"/>
    </row>
    <row r="57" spans="1:70" x14ac:dyDescent="0.4">
      <c r="A57">
        <v>56</v>
      </c>
      <c r="B57" s="3" t="s">
        <v>18</v>
      </c>
      <c r="C57">
        <v>30</v>
      </c>
      <c r="D57" s="3" t="s">
        <v>19</v>
      </c>
      <c r="F57" s="3"/>
      <c r="BM57">
        <v>56</v>
      </c>
      <c r="BN57" s="3" t="s">
        <v>18</v>
      </c>
      <c r="BO57">
        <v>30</v>
      </c>
      <c r="BP57" s="3" t="s">
        <v>19</v>
      </c>
      <c r="BR57" s="3"/>
    </row>
    <row r="58" spans="1:70" x14ac:dyDescent="0.4">
      <c r="A58">
        <v>57</v>
      </c>
      <c r="B58" s="3" t="s">
        <v>18</v>
      </c>
      <c r="C58">
        <v>50</v>
      </c>
      <c r="D58" s="3" t="s">
        <v>19</v>
      </c>
      <c r="F58" s="3"/>
      <c r="BM58">
        <v>57</v>
      </c>
      <c r="BN58" s="3" t="s">
        <v>18</v>
      </c>
      <c r="BO58">
        <v>50</v>
      </c>
      <c r="BP58" s="3" t="s">
        <v>19</v>
      </c>
      <c r="BR58" s="3"/>
    </row>
    <row r="59" spans="1:70" x14ac:dyDescent="0.4">
      <c r="A59">
        <v>58</v>
      </c>
      <c r="B59" s="3" t="s">
        <v>18</v>
      </c>
      <c r="C59">
        <v>3</v>
      </c>
      <c r="D59" s="3"/>
      <c r="F59" s="3"/>
      <c r="BM59">
        <v>58</v>
      </c>
      <c r="BN59" s="3" t="s">
        <v>18</v>
      </c>
      <c r="BO59">
        <v>3</v>
      </c>
      <c r="BP59" s="3"/>
      <c r="BR59" s="3"/>
    </row>
    <row r="60" spans="1:70" x14ac:dyDescent="0.4">
      <c r="A60">
        <v>59</v>
      </c>
      <c r="B60" s="3" t="s">
        <v>18</v>
      </c>
      <c r="C60">
        <v>3</v>
      </c>
      <c r="D60" s="3"/>
      <c r="F60" s="3"/>
      <c r="BM60">
        <v>59</v>
      </c>
      <c r="BN60" s="3" t="s">
        <v>18</v>
      </c>
      <c r="BO60">
        <v>3</v>
      </c>
      <c r="BP60" s="3"/>
      <c r="BR60" s="3"/>
    </row>
    <row r="61" spans="1:70" x14ac:dyDescent="0.4">
      <c r="A61">
        <v>60</v>
      </c>
      <c r="B61" s="3" t="s">
        <v>18</v>
      </c>
      <c r="C61">
        <v>3</v>
      </c>
      <c r="D61" s="3"/>
      <c r="F61" s="3"/>
      <c r="BM61">
        <v>60</v>
      </c>
      <c r="BN61" s="3" t="s">
        <v>18</v>
      </c>
      <c r="BO61">
        <v>3</v>
      </c>
      <c r="BP61" s="3"/>
      <c r="BR61" s="3"/>
    </row>
    <row r="62" spans="1:70" x14ac:dyDescent="0.4">
      <c r="A62">
        <v>61</v>
      </c>
      <c r="B62" s="3" t="s">
        <v>18</v>
      </c>
      <c r="C62">
        <v>10</v>
      </c>
      <c r="D62" s="3" t="s">
        <v>19</v>
      </c>
      <c r="F62" s="3"/>
      <c r="BM62">
        <v>61</v>
      </c>
      <c r="BN62" s="3" t="s">
        <v>18</v>
      </c>
      <c r="BO62">
        <v>10</v>
      </c>
      <c r="BP62" s="3" t="s">
        <v>19</v>
      </c>
      <c r="BR62" s="3"/>
    </row>
    <row r="63" spans="1:70" x14ac:dyDescent="0.4">
      <c r="A63">
        <v>62</v>
      </c>
      <c r="B63" s="3" t="s">
        <v>18</v>
      </c>
      <c r="C63">
        <v>10</v>
      </c>
      <c r="D63" s="3" t="s">
        <v>19</v>
      </c>
      <c r="F63" s="3"/>
      <c r="BM63">
        <v>62</v>
      </c>
      <c r="BN63" s="3" t="s">
        <v>18</v>
      </c>
      <c r="BO63">
        <v>10</v>
      </c>
      <c r="BP63" s="3" t="s">
        <v>19</v>
      </c>
      <c r="BR63" s="3"/>
    </row>
    <row r="64" spans="1:70" x14ac:dyDescent="0.4">
      <c r="A64">
        <v>63</v>
      </c>
      <c r="B64" s="3" t="s">
        <v>18</v>
      </c>
      <c r="C64">
        <v>10</v>
      </c>
      <c r="D64" s="3" t="s">
        <v>19</v>
      </c>
      <c r="F64" s="3"/>
      <c r="BM64">
        <v>63</v>
      </c>
      <c r="BN64" s="3" t="s">
        <v>18</v>
      </c>
      <c r="BO64">
        <v>10</v>
      </c>
      <c r="BP64" s="3" t="s">
        <v>19</v>
      </c>
      <c r="BR64" s="3"/>
    </row>
    <row r="65" spans="1:70" x14ac:dyDescent="0.4">
      <c r="A65">
        <v>64</v>
      </c>
      <c r="B65" s="3" t="s">
        <v>18</v>
      </c>
      <c r="C65">
        <v>10</v>
      </c>
      <c r="D65" s="3" t="s">
        <v>19</v>
      </c>
      <c r="F65" s="3"/>
      <c r="BM65">
        <v>64</v>
      </c>
      <c r="BN65" s="3" t="s">
        <v>18</v>
      </c>
      <c r="BO65">
        <v>10</v>
      </c>
      <c r="BP65" s="3" t="s">
        <v>19</v>
      </c>
      <c r="BR65" s="3"/>
    </row>
    <row r="66" spans="1:70" x14ac:dyDescent="0.4">
      <c r="A66">
        <v>65</v>
      </c>
      <c r="B66" s="3" t="s">
        <v>18</v>
      </c>
      <c r="C66">
        <v>10</v>
      </c>
      <c r="D66" s="3" t="s">
        <v>19</v>
      </c>
      <c r="F66" s="3"/>
      <c r="BM66">
        <v>65</v>
      </c>
      <c r="BN66" s="3" t="s">
        <v>18</v>
      </c>
      <c r="BO66">
        <v>10</v>
      </c>
      <c r="BP66" s="3" t="s">
        <v>19</v>
      </c>
      <c r="BR66" s="3"/>
    </row>
    <row r="67" spans="1:70" x14ac:dyDescent="0.4">
      <c r="A67">
        <v>66</v>
      </c>
      <c r="B67" s="3" t="s">
        <v>18</v>
      </c>
      <c r="C67">
        <v>10</v>
      </c>
      <c r="D67" s="3" t="s">
        <v>19</v>
      </c>
      <c r="F67" s="3"/>
      <c r="BM67">
        <v>66</v>
      </c>
      <c r="BN67" s="3" t="s">
        <v>18</v>
      </c>
      <c r="BO67">
        <v>10</v>
      </c>
      <c r="BP67" s="3" t="s">
        <v>19</v>
      </c>
      <c r="BR67" s="3"/>
    </row>
    <row r="68" spans="1:70" x14ac:dyDescent="0.4">
      <c r="A68">
        <v>67</v>
      </c>
      <c r="B68" s="3" t="s">
        <v>18</v>
      </c>
      <c r="C68">
        <v>8</v>
      </c>
      <c r="D68" s="3" t="s">
        <v>19</v>
      </c>
      <c r="F68" s="3"/>
      <c r="BM68">
        <v>67</v>
      </c>
      <c r="BN68" s="3" t="s">
        <v>18</v>
      </c>
      <c r="BO68">
        <v>8</v>
      </c>
      <c r="BP68" s="3" t="s">
        <v>19</v>
      </c>
      <c r="BR68" s="3"/>
    </row>
    <row r="69" spans="1:70" x14ac:dyDescent="0.4">
      <c r="A69">
        <v>68</v>
      </c>
      <c r="B69" s="3" t="s">
        <v>18</v>
      </c>
      <c r="C69">
        <v>12</v>
      </c>
      <c r="D69" s="3"/>
      <c r="F69" s="3"/>
      <c r="BM69">
        <v>68</v>
      </c>
      <c r="BN69" s="3" t="s">
        <v>18</v>
      </c>
      <c r="BO69">
        <v>12</v>
      </c>
      <c r="BP69" s="3"/>
      <c r="BR69" s="3"/>
    </row>
    <row r="70" spans="1:70" x14ac:dyDescent="0.4">
      <c r="A70">
        <v>69</v>
      </c>
      <c r="B70" s="3" t="s">
        <v>18</v>
      </c>
      <c r="C70">
        <v>20</v>
      </c>
      <c r="D70" s="3" t="s">
        <v>19</v>
      </c>
      <c r="F70" s="3"/>
      <c r="BM70">
        <v>69</v>
      </c>
      <c r="BN70" s="3" t="s">
        <v>18</v>
      </c>
      <c r="BO70">
        <v>20</v>
      </c>
      <c r="BP70" s="3" t="s">
        <v>19</v>
      </c>
      <c r="BR70" s="3"/>
    </row>
    <row r="71" spans="1:70" x14ac:dyDescent="0.4">
      <c r="A71">
        <v>70</v>
      </c>
      <c r="B71" s="3" t="s">
        <v>18</v>
      </c>
      <c r="C71">
        <v>20</v>
      </c>
      <c r="D71" s="3" t="s">
        <v>19</v>
      </c>
      <c r="F71" s="3"/>
      <c r="BM71">
        <v>70</v>
      </c>
      <c r="BN71" s="3" t="s">
        <v>18</v>
      </c>
      <c r="BO71">
        <v>20</v>
      </c>
      <c r="BP71" s="3" t="s">
        <v>19</v>
      </c>
      <c r="BR71" s="3"/>
    </row>
    <row r="72" spans="1:70" x14ac:dyDescent="0.4">
      <c r="A72">
        <v>71</v>
      </c>
      <c r="B72" s="3" t="s">
        <v>18</v>
      </c>
      <c r="C72">
        <v>20</v>
      </c>
      <c r="D72" s="3" t="s">
        <v>19</v>
      </c>
      <c r="F72" s="3"/>
      <c r="BM72">
        <v>71</v>
      </c>
      <c r="BN72" s="3" t="s">
        <v>18</v>
      </c>
      <c r="BO72">
        <v>20</v>
      </c>
      <c r="BP72" s="3" t="s">
        <v>19</v>
      </c>
      <c r="BR72" s="3"/>
    </row>
    <row r="73" spans="1:70" x14ac:dyDescent="0.4">
      <c r="A73">
        <v>72</v>
      </c>
      <c r="B73" s="3" t="s">
        <v>18</v>
      </c>
      <c r="D73" s="3" t="s">
        <v>19</v>
      </c>
      <c r="F73" s="3"/>
      <c r="BM73">
        <v>72</v>
      </c>
      <c r="BN73" s="3" t="s">
        <v>18</v>
      </c>
      <c r="BP73" s="3" t="s">
        <v>19</v>
      </c>
      <c r="BR73" s="3"/>
    </row>
    <row r="74" spans="1:70" x14ac:dyDescent="0.4">
      <c r="A74">
        <v>73</v>
      </c>
      <c r="B74" s="3" t="s">
        <v>18</v>
      </c>
      <c r="D74" s="3" t="s">
        <v>19</v>
      </c>
      <c r="F74" s="3"/>
      <c r="BM74">
        <v>73</v>
      </c>
      <c r="BN74" s="3" t="s">
        <v>18</v>
      </c>
      <c r="BP74" s="3" t="s">
        <v>19</v>
      </c>
      <c r="BR74" s="3"/>
    </row>
    <row r="75" spans="1:70" x14ac:dyDescent="0.4">
      <c r="A75">
        <v>74</v>
      </c>
      <c r="B75" s="3" t="s">
        <v>20</v>
      </c>
      <c r="C75">
        <v>256</v>
      </c>
      <c r="D75" s="3" t="s">
        <v>19</v>
      </c>
      <c r="F75" s="3"/>
      <c r="BM75">
        <v>74</v>
      </c>
      <c r="BN75" s="3" t="s">
        <v>20</v>
      </c>
      <c r="BO75">
        <v>256</v>
      </c>
      <c r="BP75" s="3" t="s">
        <v>19</v>
      </c>
      <c r="BR75" s="3"/>
    </row>
    <row r="76" spans="1:70" x14ac:dyDescent="0.4">
      <c r="B76" s="3"/>
      <c r="D76" s="3"/>
      <c r="E76">
        <v>1</v>
      </c>
      <c r="F76" s="3" t="s">
        <v>21</v>
      </c>
      <c r="BN76" s="3"/>
      <c r="BP76" s="3"/>
      <c r="BQ76">
        <v>1</v>
      </c>
      <c r="BR76" s="3" t="s">
        <v>21</v>
      </c>
    </row>
    <row r="77" spans="1:70" x14ac:dyDescent="0.4">
      <c r="B77" s="3"/>
      <c r="D77" s="3"/>
      <c r="E77">
        <v>2</v>
      </c>
      <c r="F77" s="3" t="s">
        <v>22</v>
      </c>
      <c r="BN77" s="3"/>
      <c r="BP77" s="3"/>
      <c r="BQ77">
        <v>2</v>
      </c>
      <c r="BR77" s="3" t="s">
        <v>22</v>
      </c>
    </row>
    <row r="78" spans="1:70" x14ac:dyDescent="0.4">
      <c r="B78" s="3"/>
      <c r="D78" s="3"/>
      <c r="E78">
        <v>3</v>
      </c>
      <c r="F78" s="3" t="s">
        <v>23</v>
      </c>
      <c r="BN78" s="3"/>
      <c r="BP78" s="3"/>
      <c r="BQ78">
        <v>3</v>
      </c>
      <c r="BR78" s="3" t="s">
        <v>23</v>
      </c>
    </row>
    <row r="79" spans="1:70" x14ac:dyDescent="0.4">
      <c r="B79" s="3"/>
      <c r="D79" s="3"/>
      <c r="E79">
        <v>4</v>
      </c>
      <c r="F79" s="3" t="s">
        <v>24</v>
      </c>
      <c r="BN79" s="3"/>
      <c r="BP79" s="3"/>
      <c r="BQ79">
        <v>4</v>
      </c>
      <c r="BR79" s="3" t="s">
        <v>24</v>
      </c>
    </row>
    <row r="80" spans="1:70" x14ac:dyDescent="0.4">
      <c r="B80" s="3"/>
      <c r="D80" s="3"/>
      <c r="E80">
        <v>5</v>
      </c>
      <c r="F80" s="3" t="s">
        <v>25</v>
      </c>
      <c r="BN80" s="3"/>
      <c r="BP80" s="3"/>
      <c r="BQ80">
        <v>5</v>
      </c>
      <c r="BR80" s="3" t="s">
        <v>25</v>
      </c>
    </row>
    <row r="81" spans="2:70" x14ac:dyDescent="0.4">
      <c r="B81" s="3"/>
      <c r="D81" s="3"/>
      <c r="E81">
        <v>6</v>
      </c>
      <c r="F81" s="3" t="s">
        <v>26</v>
      </c>
      <c r="BN81" s="3"/>
      <c r="BP81" s="3"/>
      <c r="BQ81">
        <v>6</v>
      </c>
      <c r="BR81" s="3" t="s">
        <v>26</v>
      </c>
    </row>
    <row r="82" spans="2:70" x14ac:dyDescent="0.4">
      <c r="B82" s="3"/>
      <c r="D82" s="3"/>
      <c r="E82">
        <v>7</v>
      </c>
      <c r="F82" s="3" t="s">
        <v>27</v>
      </c>
      <c r="BN82" s="3"/>
      <c r="BP82" s="3"/>
      <c r="BQ82">
        <v>7</v>
      </c>
      <c r="BR82" s="3" t="s">
        <v>27</v>
      </c>
    </row>
    <row r="83" spans="2:70" x14ac:dyDescent="0.4">
      <c r="B83" s="3"/>
      <c r="D83" s="3"/>
      <c r="E83">
        <v>8</v>
      </c>
      <c r="F83" s="3" t="s">
        <v>28</v>
      </c>
      <c r="BN83" s="3"/>
      <c r="BP83" s="3"/>
      <c r="BQ83">
        <v>8</v>
      </c>
      <c r="BR83" s="3" t="s">
        <v>28</v>
      </c>
    </row>
    <row r="84" spans="2:70" x14ac:dyDescent="0.4">
      <c r="B84" s="3"/>
      <c r="D84" s="3"/>
      <c r="E84">
        <v>9</v>
      </c>
      <c r="F84" s="3" t="s">
        <v>29</v>
      </c>
      <c r="BN84" s="3"/>
      <c r="BP84" s="3"/>
      <c r="BQ84">
        <v>9</v>
      </c>
      <c r="BR84" s="3" t="s">
        <v>29</v>
      </c>
    </row>
    <row r="85" spans="2:70" x14ac:dyDescent="0.4">
      <c r="B85" s="3"/>
      <c r="D85" s="3"/>
      <c r="E85">
        <v>10</v>
      </c>
      <c r="F85" s="3" t="s">
        <v>30</v>
      </c>
      <c r="BN85" s="3"/>
      <c r="BP85" s="3"/>
      <c r="BQ85">
        <v>10</v>
      </c>
      <c r="BR85" s="3" t="s">
        <v>30</v>
      </c>
    </row>
    <row r="86" spans="2:70" x14ac:dyDescent="0.4">
      <c r="B86" s="3"/>
      <c r="D86" s="3"/>
      <c r="E86">
        <v>11</v>
      </c>
      <c r="F86" s="3" t="s">
        <v>31</v>
      </c>
      <c r="BN86" s="3"/>
      <c r="BP86" s="3"/>
      <c r="BQ86">
        <v>11</v>
      </c>
      <c r="BR86" s="3" t="s">
        <v>31</v>
      </c>
    </row>
    <row r="87" spans="2:70" x14ac:dyDescent="0.4">
      <c r="B87" s="3"/>
      <c r="D87" s="3"/>
      <c r="E87">
        <v>12</v>
      </c>
      <c r="F87" s="3" t="s">
        <v>32</v>
      </c>
      <c r="BN87" s="3"/>
      <c r="BP87" s="3"/>
      <c r="BQ87">
        <v>12</v>
      </c>
      <c r="BR87" s="3" t="s">
        <v>32</v>
      </c>
    </row>
    <row r="88" spans="2:70" x14ac:dyDescent="0.4">
      <c r="B88" s="3"/>
      <c r="D88" s="3"/>
      <c r="E88">
        <v>13</v>
      </c>
      <c r="F88" s="3" t="s">
        <v>33</v>
      </c>
      <c r="BN88" s="3"/>
      <c r="BP88" s="3"/>
      <c r="BQ88">
        <v>13</v>
      </c>
      <c r="BR88" s="3" t="s">
        <v>33</v>
      </c>
    </row>
    <row r="89" spans="2:70" x14ac:dyDescent="0.4">
      <c r="B89" s="3"/>
      <c r="D89" s="3"/>
      <c r="E89">
        <v>14</v>
      </c>
      <c r="F89" s="3" t="s">
        <v>34</v>
      </c>
      <c r="BN89" s="3"/>
      <c r="BP89" s="3"/>
      <c r="BQ89">
        <v>14</v>
      </c>
      <c r="BR89" s="3" t="s">
        <v>34</v>
      </c>
    </row>
    <row r="90" spans="2:70" x14ac:dyDescent="0.4">
      <c r="B90" s="3"/>
      <c r="D90" s="3"/>
      <c r="E90">
        <v>15</v>
      </c>
      <c r="F90" s="3" t="s">
        <v>35</v>
      </c>
      <c r="BN90" s="3"/>
      <c r="BP90" s="3"/>
      <c r="BQ90">
        <v>15</v>
      </c>
      <c r="BR90" s="3" t="s">
        <v>35</v>
      </c>
    </row>
    <row r="91" spans="2:70" x14ac:dyDescent="0.4">
      <c r="B91" s="3"/>
      <c r="D91" s="3"/>
      <c r="E91">
        <v>16</v>
      </c>
      <c r="F91" s="3" t="s">
        <v>36</v>
      </c>
      <c r="BN91" s="3"/>
      <c r="BP91" s="3"/>
      <c r="BQ91">
        <v>16</v>
      </c>
      <c r="BR91" s="3" t="s">
        <v>36</v>
      </c>
    </row>
    <row r="92" spans="2:70" x14ac:dyDescent="0.4">
      <c r="B92" s="3"/>
      <c r="D92" s="3"/>
      <c r="E92">
        <v>17</v>
      </c>
      <c r="F92" s="3" t="s">
        <v>37</v>
      </c>
      <c r="BN92" s="3"/>
      <c r="BP92" s="3"/>
      <c r="BQ92">
        <v>17</v>
      </c>
      <c r="BR92" s="3" t="s">
        <v>37</v>
      </c>
    </row>
    <row r="93" spans="2:70" x14ac:dyDescent="0.4">
      <c r="B93" s="3"/>
      <c r="D93" s="3"/>
      <c r="E93">
        <v>18</v>
      </c>
      <c r="F93" s="3" t="s">
        <v>38</v>
      </c>
      <c r="BN93" s="3"/>
      <c r="BP93" s="3"/>
      <c r="BQ93">
        <v>18</v>
      </c>
      <c r="BR93" s="3" t="s">
        <v>38</v>
      </c>
    </row>
    <row r="94" spans="2:70" x14ac:dyDescent="0.4">
      <c r="B94" s="3"/>
      <c r="D94" s="3"/>
      <c r="E94">
        <v>19</v>
      </c>
      <c r="F94" s="3" t="s">
        <v>39</v>
      </c>
      <c r="BN94" s="3"/>
      <c r="BP94" s="3"/>
      <c r="BQ94">
        <v>19</v>
      </c>
      <c r="BR94" s="3" t="s">
        <v>39</v>
      </c>
    </row>
    <row r="95" spans="2:70" x14ac:dyDescent="0.4">
      <c r="B95" s="3"/>
      <c r="D95" s="3"/>
      <c r="E95">
        <v>20</v>
      </c>
      <c r="F95" s="3" t="s">
        <v>40</v>
      </c>
      <c r="BN95" s="3"/>
      <c r="BP95" s="3"/>
      <c r="BQ95">
        <v>20</v>
      </c>
      <c r="BR95" s="3" t="s">
        <v>40</v>
      </c>
    </row>
    <row r="96" spans="2:70" x14ac:dyDescent="0.4">
      <c r="B96" s="3"/>
      <c r="D96" s="3"/>
      <c r="E96">
        <v>21</v>
      </c>
      <c r="F96" s="3" t="s">
        <v>41</v>
      </c>
      <c r="BN96" s="3"/>
      <c r="BP96" s="3"/>
      <c r="BQ96">
        <v>21</v>
      </c>
      <c r="BR96" s="3" t="s">
        <v>41</v>
      </c>
    </row>
    <row r="97" spans="2:70" x14ac:dyDescent="0.4">
      <c r="B97" s="3"/>
      <c r="D97" s="3"/>
      <c r="E97">
        <v>22</v>
      </c>
      <c r="F97" s="3" t="s">
        <v>42</v>
      </c>
      <c r="BN97" s="3"/>
      <c r="BP97" s="3"/>
      <c r="BQ97">
        <v>22</v>
      </c>
      <c r="BR97" s="3" t="s">
        <v>42</v>
      </c>
    </row>
    <row r="98" spans="2:70" x14ac:dyDescent="0.4">
      <c r="B98" s="3"/>
      <c r="D98" s="3"/>
      <c r="E98">
        <v>23</v>
      </c>
      <c r="F98" s="3" t="s">
        <v>43</v>
      </c>
      <c r="BN98" s="3"/>
      <c r="BP98" s="3"/>
      <c r="BQ98">
        <v>23</v>
      </c>
      <c r="BR98" s="3" t="s">
        <v>43</v>
      </c>
    </row>
    <row r="99" spans="2:70" x14ac:dyDescent="0.4">
      <c r="B99" s="3"/>
      <c r="D99" s="3"/>
      <c r="E99">
        <v>24</v>
      </c>
      <c r="F99" s="3" t="s">
        <v>44</v>
      </c>
      <c r="BN99" s="3"/>
      <c r="BP99" s="3"/>
      <c r="BQ99">
        <v>24</v>
      </c>
      <c r="BR99" s="3" t="s">
        <v>44</v>
      </c>
    </row>
    <row r="100" spans="2:70" x14ac:dyDescent="0.4">
      <c r="B100" s="3"/>
      <c r="D100" s="3"/>
      <c r="E100">
        <v>25</v>
      </c>
      <c r="F100" s="3" t="s">
        <v>45</v>
      </c>
      <c r="BN100" s="3"/>
      <c r="BP100" s="3"/>
      <c r="BQ100">
        <v>25</v>
      </c>
      <c r="BR100" s="3" t="s">
        <v>45</v>
      </c>
    </row>
    <row r="101" spans="2:70" x14ac:dyDescent="0.4">
      <c r="B101" s="3"/>
      <c r="D101" s="3"/>
      <c r="E101">
        <v>26</v>
      </c>
      <c r="F101" s="3" t="s">
        <v>46</v>
      </c>
      <c r="BN101" s="3"/>
      <c r="BP101" s="3"/>
      <c r="BQ101">
        <v>26</v>
      </c>
      <c r="BR101" s="3" t="s">
        <v>46</v>
      </c>
    </row>
    <row r="102" spans="2:70" x14ac:dyDescent="0.4">
      <c r="B102" s="3"/>
      <c r="D102" s="3"/>
      <c r="E102">
        <v>27</v>
      </c>
      <c r="F102" s="3" t="s">
        <v>47</v>
      </c>
      <c r="BN102" s="3"/>
      <c r="BP102" s="3"/>
      <c r="BQ102">
        <v>27</v>
      </c>
      <c r="BR102" s="3" t="s">
        <v>47</v>
      </c>
    </row>
    <row r="103" spans="2:70" x14ac:dyDescent="0.4">
      <c r="B103" s="3"/>
      <c r="D103" s="3"/>
      <c r="E103">
        <v>28</v>
      </c>
      <c r="F103" s="3" t="s">
        <v>48</v>
      </c>
      <c r="BN103" s="3"/>
      <c r="BP103" s="3"/>
      <c r="BQ103">
        <v>28</v>
      </c>
      <c r="BR103" s="3" t="s">
        <v>48</v>
      </c>
    </row>
    <row r="104" spans="2:70" x14ac:dyDescent="0.4">
      <c r="B104" s="3"/>
      <c r="D104" s="3"/>
      <c r="E104">
        <v>29</v>
      </c>
      <c r="F104" s="3" t="s">
        <v>49</v>
      </c>
      <c r="BN104" s="3"/>
      <c r="BP104" s="3"/>
      <c r="BQ104">
        <v>29</v>
      </c>
      <c r="BR104" s="3" t="s">
        <v>49</v>
      </c>
    </row>
    <row r="105" spans="2:70" x14ac:dyDescent="0.4">
      <c r="B105" s="3"/>
      <c r="D105" s="3"/>
      <c r="E105">
        <v>30</v>
      </c>
      <c r="F105" s="3" t="s">
        <v>50</v>
      </c>
      <c r="BN105" s="3"/>
      <c r="BP105" s="3"/>
      <c r="BQ105">
        <v>30</v>
      </c>
      <c r="BR105" s="3" t="s">
        <v>50</v>
      </c>
    </row>
    <row r="106" spans="2:70" x14ac:dyDescent="0.4">
      <c r="B106" s="3"/>
      <c r="D106" s="3"/>
      <c r="E106">
        <v>31</v>
      </c>
      <c r="F106" s="3" t="s">
        <v>51</v>
      </c>
      <c r="BN106" s="3"/>
      <c r="BP106" s="3"/>
      <c r="BQ106">
        <v>31</v>
      </c>
      <c r="BR106" s="3" t="s">
        <v>51</v>
      </c>
    </row>
    <row r="107" spans="2:70" x14ac:dyDescent="0.4">
      <c r="B107" s="3"/>
      <c r="D107" s="3"/>
      <c r="E107">
        <v>32</v>
      </c>
      <c r="F107" s="3" t="s">
        <v>52</v>
      </c>
      <c r="BN107" s="3"/>
      <c r="BP107" s="3"/>
      <c r="BQ107">
        <v>32</v>
      </c>
      <c r="BR107" s="3" t="s">
        <v>52</v>
      </c>
    </row>
    <row r="108" spans="2:70" x14ac:dyDescent="0.4">
      <c r="B108" s="3"/>
      <c r="D108" s="3"/>
      <c r="E108">
        <v>33</v>
      </c>
      <c r="F108" s="3" t="s">
        <v>53</v>
      </c>
      <c r="BN108" s="3"/>
      <c r="BP108" s="3"/>
      <c r="BQ108">
        <v>33</v>
      </c>
      <c r="BR108" s="3" t="s">
        <v>53</v>
      </c>
    </row>
    <row r="109" spans="2:70" x14ac:dyDescent="0.4">
      <c r="B109" s="3"/>
      <c r="D109" s="3"/>
      <c r="E109">
        <v>34</v>
      </c>
      <c r="F109" s="3" t="s">
        <v>54</v>
      </c>
      <c r="BN109" s="3"/>
      <c r="BP109" s="3"/>
      <c r="BQ109">
        <v>34</v>
      </c>
      <c r="BR109" s="3" t="s">
        <v>54</v>
      </c>
    </row>
    <row r="110" spans="2:70" x14ac:dyDescent="0.4">
      <c r="B110" s="3"/>
      <c r="D110" s="3"/>
      <c r="E110">
        <v>35</v>
      </c>
      <c r="F110" s="3" t="s">
        <v>55</v>
      </c>
      <c r="BN110" s="3"/>
      <c r="BP110" s="3"/>
      <c r="BQ110">
        <v>35</v>
      </c>
      <c r="BR110" s="3" t="s">
        <v>55</v>
      </c>
    </row>
    <row r="111" spans="2:70" x14ac:dyDescent="0.4">
      <c r="B111" s="3"/>
      <c r="D111" s="3"/>
      <c r="E111">
        <v>36</v>
      </c>
      <c r="F111" s="3" t="s">
        <v>56</v>
      </c>
      <c r="BN111" s="3"/>
      <c r="BP111" s="3"/>
      <c r="BQ111">
        <v>36</v>
      </c>
      <c r="BR111" s="3" t="s">
        <v>56</v>
      </c>
    </row>
    <row r="112" spans="2:70" x14ac:dyDescent="0.4">
      <c r="B112" s="3"/>
      <c r="D112" s="3"/>
      <c r="E112">
        <v>37</v>
      </c>
      <c r="F112" s="3" t="s">
        <v>57</v>
      </c>
      <c r="BN112" s="3"/>
      <c r="BP112" s="3"/>
      <c r="BQ112">
        <v>37</v>
      </c>
      <c r="BR112" s="3" t="s">
        <v>57</v>
      </c>
    </row>
    <row r="113" spans="2:70" x14ac:dyDescent="0.4">
      <c r="B113" s="3"/>
      <c r="D113" s="3"/>
      <c r="E113">
        <v>38</v>
      </c>
      <c r="F113" s="3" t="s">
        <v>58</v>
      </c>
      <c r="BN113" s="3"/>
      <c r="BP113" s="3"/>
      <c r="BQ113">
        <v>38</v>
      </c>
      <c r="BR113" s="3" t="s">
        <v>58</v>
      </c>
    </row>
    <row r="114" spans="2:70" x14ac:dyDescent="0.4">
      <c r="B114" s="3"/>
      <c r="D114" s="3"/>
      <c r="E114">
        <v>39</v>
      </c>
      <c r="F114" s="3" t="s">
        <v>59</v>
      </c>
      <c r="BN114" s="3"/>
      <c r="BP114" s="3"/>
      <c r="BQ114">
        <v>39</v>
      </c>
      <c r="BR114" s="3" t="s">
        <v>59</v>
      </c>
    </row>
    <row r="115" spans="2:70" x14ac:dyDescent="0.4">
      <c r="B115" s="3"/>
      <c r="D115" s="3"/>
      <c r="E115">
        <v>40</v>
      </c>
      <c r="F115" s="3" t="s">
        <v>60</v>
      </c>
      <c r="BN115" s="3"/>
      <c r="BP115" s="3"/>
      <c r="BQ115">
        <v>40</v>
      </c>
      <c r="BR115" s="3" t="s">
        <v>60</v>
      </c>
    </row>
    <row r="116" spans="2:70" x14ac:dyDescent="0.4">
      <c r="B116" s="3"/>
      <c r="D116" s="3"/>
      <c r="E116">
        <v>41</v>
      </c>
      <c r="F116" s="3" t="s">
        <v>61</v>
      </c>
      <c r="BN116" s="3"/>
      <c r="BP116" s="3"/>
      <c r="BQ116">
        <v>41</v>
      </c>
      <c r="BR116" s="3" t="s">
        <v>61</v>
      </c>
    </row>
    <row r="117" spans="2:70" x14ac:dyDescent="0.4">
      <c r="B117" s="3"/>
      <c r="D117" s="3"/>
      <c r="E117">
        <v>42</v>
      </c>
      <c r="F117" s="3" t="s">
        <v>62</v>
      </c>
      <c r="BN117" s="3"/>
      <c r="BP117" s="3"/>
      <c r="BQ117">
        <v>42</v>
      </c>
      <c r="BR117" s="3" t="s">
        <v>62</v>
      </c>
    </row>
    <row r="118" spans="2:70" x14ac:dyDescent="0.4">
      <c r="B118" s="3"/>
      <c r="D118" s="3"/>
      <c r="E118">
        <v>43</v>
      </c>
      <c r="F118" s="3" t="s">
        <v>63</v>
      </c>
      <c r="BN118" s="3"/>
      <c r="BP118" s="3"/>
      <c r="BQ118">
        <v>43</v>
      </c>
      <c r="BR118" s="3" t="s">
        <v>63</v>
      </c>
    </row>
    <row r="119" spans="2:70" x14ac:dyDescent="0.4">
      <c r="B119" s="3"/>
      <c r="D119" s="3"/>
      <c r="E119">
        <v>44</v>
      </c>
      <c r="F119" s="3" t="s">
        <v>64</v>
      </c>
      <c r="BN119" s="3"/>
      <c r="BP119" s="3"/>
      <c r="BQ119">
        <v>44</v>
      </c>
      <c r="BR119" s="3" t="s">
        <v>64</v>
      </c>
    </row>
    <row r="120" spans="2:70" x14ac:dyDescent="0.4">
      <c r="B120" s="3"/>
      <c r="D120" s="3"/>
      <c r="E120">
        <v>45</v>
      </c>
      <c r="F120" s="3" t="s">
        <v>65</v>
      </c>
      <c r="BN120" s="3"/>
      <c r="BP120" s="3"/>
      <c r="BQ120">
        <v>45</v>
      </c>
      <c r="BR120" s="3" t="s">
        <v>65</v>
      </c>
    </row>
    <row r="121" spans="2:70" x14ac:dyDescent="0.4">
      <c r="B121" s="3"/>
      <c r="D121" s="3"/>
      <c r="E121">
        <v>46</v>
      </c>
      <c r="F121" s="3" t="s">
        <v>66</v>
      </c>
      <c r="BN121" s="3"/>
      <c r="BP121" s="3"/>
      <c r="BQ121">
        <v>46</v>
      </c>
      <c r="BR121" s="3" t="s">
        <v>66</v>
      </c>
    </row>
    <row r="122" spans="2:70" x14ac:dyDescent="0.4">
      <c r="B122" s="3"/>
      <c r="D122" s="3"/>
      <c r="E122">
        <v>47</v>
      </c>
      <c r="F122" s="3" t="s">
        <v>67</v>
      </c>
      <c r="BN122" s="3"/>
      <c r="BP122" s="3"/>
      <c r="BQ122">
        <v>47</v>
      </c>
      <c r="BR122" s="3" t="s">
        <v>67</v>
      </c>
    </row>
    <row r="123" spans="2:70" x14ac:dyDescent="0.4">
      <c r="B123" s="3"/>
      <c r="D123" s="3"/>
      <c r="E123">
        <v>48</v>
      </c>
      <c r="F123" s="3" t="s">
        <v>68</v>
      </c>
      <c r="BN123" s="3"/>
      <c r="BP123" s="3"/>
      <c r="BQ123">
        <v>48</v>
      </c>
      <c r="BR123" s="3" t="s">
        <v>68</v>
      </c>
    </row>
    <row r="124" spans="2:70" x14ac:dyDescent="0.4">
      <c r="B124" s="3"/>
      <c r="D124" s="3"/>
      <c r="E124">
        <v>49</v>
      </c>
      <c r="F124" s="3" t="s">
        <v>69</v>
      </c>
      <c r="BN124" s="3"/>
      <c r="BP124" s="3"/>
      <c r="BQ124">
        <v>49</v>
      </c>
      <c r="BR124" s="3" t="s">
        <v>69</v>
      </c>
    </row>
    <row r="125" spans="2:70" x14ac:dyDescent="0.4">
      <c r="B125" s="3"/>
      <c r="D125" s="3"/>
      <c r="E125">
        <v>50</v>
      </c>
      <c r="F125" s="3" t="s">
        <v>70</v>
      </c>
      <c r="BN125" s="3"/>
      <c r="BP125" s="3"/>
      <c r="BQ125">
        <v>50</v>
      </c>
      <c r="BR125" s="3" t="s">
        <v>70</v>
      </c>
    </row>
    <row r="126" spans="2:70" x14ac:dyDescent="0.4">
      <c r="B126" s="3"/>
      <c r="D126" s="3"/>
      <c r="E126">
        <v>51</v>
      </c>
      <c r="F126" s="3" t="s">
        <v>71</v>
      </c>
      <c r="BN126" s="3"/>
      <c r="BP126" s="3"/>
      <c r="BQ126">
        <v>51</v>
      </c>
      <c r="BR126" s="3" t="s">
        <v>71</v>
      </c>
    </row>
    <row r="127" spans="2:70" x14ac:dyDescent="0.4">
      <c r="B127" s="3"/>
      <c r="D127" s="3"/>
      <c r="E127">
        <v>52</v>
      </c>
      <c r="F127" s="3" t="s">
        <v>72</v>
      </c>
      <c r="BN127" s="3"/>
      <c r="BP127" s="3"/>
      <c r="BQ127">
        <v>52</v>
      </c>
      <c r="BR127" s="3" t="s">
        <v>72</v>
      </c>
    </row>
    <row r="128" spans="2:70" x14ac:dyDescent="0.4">
      <c r="B128" s="3"/>
      <c r="D128" s="3"/>
      <c r="E128">
        <v>53</v>
      </c>
      <c r="F128" s="3" t="s">
        <v>73</v>
      </c>
      <c r="BN128" s="3"/>
      <c r="BP128" s="3"/>
      <c r="BQ128">
        <v>53</v>
      </c>
      <c r="BR128" s="3" t="s">
        <v>73</v>
      </c>
    </row>
    <row r="129" spans="2:70" x14ac:dyDescent="0.4">
      <c r="B129" s="3"/>
      <c r="D129" s="3"/>
      <c r="E129">
        <v>54</v>
      </c>
      <c r="F129" s="3" t="s">
        <v>74</v>
      </c>
      <c r="BN129" s="3"/>
      <c r="BP129" s="3"/>
      <c r="BQ129">
        <v>54</v>
      </c>
      <c r="BR129" s="3" t="s">
        <v>74</v>
      </c>
    </row>
    <row r="130" spans="2:70" x14ac:dyDescent="0.4">
      <c r="B130" s="3"/>
      <c r="D130" s="3"/>
      <c r="E130">
        <v>55</v>
      </c>
      <c r="F130" s="3" t="s">
        <v>75</v>
      </c>
      <c r="BN130" s="3"/>
      <c r="BP130" s="3"/>
      <c r="BQ130">
        <v>55</v>
      </c>
      <c r="BR130" s="3" t="s">
        <v>75</v>
      </c>
    </row>
    <row r="131" spans="2:70" x14ac:dyDescent="0.4">
      <c r="B131" s="3"/>
      <c r="D131" s="3"/>
      <c r="E131">
        <v>56</v>
      </c>
      <c r="F131" s="3" t="s">
        <v>76</v>
      </c>
      <c r="BN131" s="3"/>
      <c r="BP131" s="3"/>
      <c r="BQ131">
        <v>56</v>
      </c>
      <c r="BR131" s="3" t="s">
        <v>76</v>
      </c>
    </row>
    <row r="132" spans="2:70" x14ac:dyDescent="0.4">
      <c r="B132" s="3"/>
      <c r="D132" s="3"/>
      <c r="E132">
        <v>57</v>
      </c>
      <c r="F132" s="3" t="s">
        <v>77</v>
      </c>
      <c r="BN132" s="3"/>
      <c r="BP132" s="3"/>
      <c r="BQ132">
        <v>57</v>
      </c>
      <c r="BR132" s="3" t="s">
        <v>77</v>
      </c>
    </row>
    <row r="133" spans="2:70" x14ac:dyDescent="0.4">
      <c r="B133" s="3"/>
      <c r="D133" s="3"/>
      <c r="E133">
        <v>58</v>
      </c>
      <c r="F133" s="3" t="s">
        <v>78</v>
      </c>
      <c r="BN133" s="3"/>
      <c r="BP133" s="3"/>
      <c r="BQ133">
        <v>58</v>
      </c>
      <c r="BR133" s="3" t="s">
        <v>78</v>
      </c>
    </row>
    <row r="134" spans="2:70" x14ac:dyDescent="0.4">
      <c r="B134" s="3"/>
      <c r="D134" s="3"/>
      <c r="E134">
        <v>59</v>
      </c>
      <c r="F134" s="3" t="s">
        <v>79</v>
      </c>
      <c r="BN134" s="3"/>
      <c r="BP134" s="3"/>
      <c r="BQ134">
        <v>59</v>
      </c>
      <c r="BR134" s="3" t="s">
        <v>79</v>
      </c>
    </row>
    <row r="135" spans="2:70" x14ac:dyDescent="0.4">
      <c r="B135" s="3"/>
      <c r="D135" s="3"/>
      <c r="E135">
        <v>60</v>
      </c>
      <c r="F135" s="3" t="s">
        <v>80</v>
      </c>
      <c r="BN135" s="3"/>
      <c r="BP135" s="3"/>
      <c r="BQ135">
        <v>60</v>
      </c>
      <c r="BR135" s="3" t="s">
        <v>80</v>
      </c>
    </row>
    <row r="136" spans="2:70" x14ac:dyDescent="0.4">
      <c r="B136" s="3"/>
      <c r="D136" s="3"/>
      <c r="E136">
        <v>61</v>
      </c>
      <c r="F136" s="3" t="s">
        <v>81</v>
      </c>
      <c r="BN136" s="3"/>
      <c r="BP136" s="3"/>
      <c r="BQ136">
        <v>61</v>
      </c>
      <c r="BR136" s="3" t="s">
        <v>81</v>
      </c>
    </row>
    <row r="137" spans="2:70" x14ac:dyDescent="0.4">
      <c r="B137" s="3"/>
      <c r="D137" s="3"/>
      <c r="E137">
        <v>62</v>
      </c>
      <c r="F137" s="3" t="s">
        <v>82</v>
      </c>
      <c r="BN137" s="3"/>
      <c r="BP137" s="3"/>
      <c r="BQ137">
        <v>62</v>
      </c>
      <c r="BR137" s="3" t="s">
        <v>82</v>
      </c>
    </row>
    <row r="138" spans="2:70" x14ac:dyDescent="0.4">
      <c r="B138" s="3"/>
      <c r="D138" s="3"/>
      <c r="E138">
        <v>63</v>
      </c>
      <c r="F138" s="3" t="s">
        <v>83</v>
      </c>
      <c r="BN138" s="3"/>
      <c r="BP138" s="3"/>
      <c r="BQ138">
        <v>63</v>
      </c>
      <c r="BR138" s="3" t="s">
        <v>83</v>
      </c>
    </row>
    <row r="139" spans="2:70" x14ac:dyDescent="0.4">
      <c r="B139" s="3"/>
      <c r="D139" s="3"/>
      <c r="E139">
        <v>64</v>
      </c>
      <c r="F139" s="3" t="s">
        <v>84</v>
      </c>
      <c r="BN139" s="3"/>
      <c r="BP139" s="3"/>
      <c r="BQ139">
        <v>64</v>
      </c>
      <c r="BR139" s="3" t="s">
        <v>84</v>
      </c>
    </row>
    <row r="140" spans="2:70" x14ac:dyDescent="0.4">
      <c r="B140" s="3"/>
      <c r="D140" s="3"/>
      <c r="E140">
        <v>65</v>
      </c>
      <c r="F140" s="3" t="s">
        <v>85</v>
      </c>
      <c r="BN140" s="3"/>
      <c r="BP140" s="3"/>
      <c r="BQ140">
        <v>65</v>
      </c>
      <c r="BR140" s="3" t="s">
        <v>85</v>
      </c>
    </row>
    <row r="141" spans="2:70" x14ac:dyDescent="0.4">
      <c r="B141" s="3"/>
      <c r="D141" s="3"/>
      <c r="E141">
        <v>66</v>
      </c>
      <c r="F141" s="3" t="s">
        <v>86</v>
      </c>
      <c r="BN141" s="3"/>
      <c r="BP141" s="3"/>
      <c r="BQ141">
        <v>66</v>
      </c>
      <c r="BR141" s="3" t="s">
        <v>86</v>
      </c>
    </row>
    <row r="142" spans="2:70" x14ac:dyDescent="0.4">
      <c r="B142" s="3"/>
      <c r="D142" s="3"/>
      <c r="E142">
        <v>67</v>
      </c>
      <c r="F142" s="3" t="s">
        <v>87</v>
      </c>
      <c r="BN142" s="3"/>
      <c r="BP142" s="3"/>
      <c r="BQ142">
        <v>67</v>
      </c>
      <c r="BR142" s="3" t="s">
        <v>87</v>
      </c>
    </row>
    <row r="143" spans="2:70" x14ac:dyDescent="0.4">
      <c r="B143" s="3"/>
      <c r="D143" s="3"/>
      <c r="E143">
        <v>68</v>
      </c>
      <c r="F143" s="3" t="s">
        <v>88</v>
      </c>
      <c r="BN143" s="3"/>
      <c r="BP143" s="3"/>
      <c r="BQ143">
        <v>68</v>
      </c>
      <c r="BR143" s="3" t="s">
        <v>88</v>
      </c>
    </row>
    <row r="144" spans="2:70" x14ac:dyDescent="0.4">
      <c r="B144" s="3"/>
      <c r="D144" s="3"/>
      <c r="E144">
        <v>69</v>
      </c>
      <c r="F144" s="3" t="s">
        <v>89</v>
      </c>
      <c r="BN144" s="3"/>
      <c r="BP144" s="3"/>
      <c r="BQ144">
        <v>69</v>
      </c>
      <c r="BR144" s="3" t="s">
        <v>89</v>
      </c>
    </row>
    <row r="145" spans="1:74" x14ac:dyDescent="0.4">
      <c r="B145" s="3"/>
      <c r="D145" s="3"/>
      <c r="E145">
        <v>70</v>
      </c>
      <c r="F145" s="3" t="s">
        <v>90</v>
      </c>
      <c r="BN145" s="3"/>
      <c r="BP145" s="3"/>
      <c r="BQ145">
        <v>70</v>
      </c>
      <c r="BR145" s="3" t="s">
        <v>90</v>
      </c>
    </row>
    <row r="146" spans="1:74" x14ac:dyDescent="0.4">
      <c r="B146" s="3"/>
      <c r="D146" s="3"/>
      <c r="E146">
        <v>71</v>
      </c>
      <c r="F146" s="3" t="s">
        <v>91</v>
      </c>
      <c r="BN146" s="3"/>
      <c r="BP146" s="3"/>
      <c r="BQ146">
        <v>71</v>
      </c>
      <c r="BR146" s="3" t="s">
        <v>91</v>
      </c>
    </row>
    <row r="147" spans="1:74" x14ac:dyDescent="0.4">
      <c r="B147" s="3"/>
      <c r="D147" s="3"/>
      <c r="E147">
        <v>72</v>
      </c>
      <c r="F147" s="3" t="s">
        <v>92</v>
      </c>
      <c r="BN147" s="3"/>
      <c r="BP147" s="3"/>
      <c r="BQ147">
        <v>72</v>
      </c>
      <c r="BR147" s="3" t="s">
        <v>92</v>
      </c>
    </row>
    <row r="148" spans="1:74" x14ac:dyDescent="0.4">
      <c r="B148" s="3"/>
      <c r="D148" s="3"/>
      <c r="E148">
        <v>73</v>
      </c>
      <c r="F148" s="3" t="s">
        <v>93</v>
      </c>
      <c r="BN148" s="3"/>
      <c r="BP148" s="3"/>
      <c r="BQ148">
        <v>73</v>
      </c>
      <c r="BR148" s="3" t="s">
        <v>93</v>
      </c>
    </row>
    <row r="149" spans="1:74" x14ac:dyDescent="0.4">
      <c r="B149" s="3"/>
      <c r="D149" s="3"/>
      <c r="E149">
        <v>74</v>
      </c>
      <c r="F149" s="3" t="s">
        <v>94</v>
      </c>
      <c r="BN149" s="3"/>
      <c r="BP149" s="3"/>
      <c r="BQ149">
        <v>74</v>
      </c>
      <c r="BR149" s="3" t="s">
        <v>94</v>
      </c>
    </row>
    <row r="155" spans="1:74" x14ac:dyDescent="0.4">
      <c r="A155" s="4" t="s">
        <v>21</v>
      </c>
      <c r="B155" s="5" t="s">
        <v>22</v>
      </c>
      <c r="C155" s="4" t="s">
        <v>23</v>
      </c>
      <c r="D155" s="5" t="s">
        <v>24</v>
      </c>
      <c r="E155" s="4" t="s">
        <v>25</v>
      </c>
      <c r="F155" s="5" t="s">
        <v>26</v>
      </c>
      <c r="G155" s="4" t="s">
        <v>27</v>
      </c>
      <c r="H155" s="5" t="s">
        <v>28</v>
      </c>
      <c r="I155" s="4" t="s">
        <v>29</v>
      </c>
      <c r="J155" s="5" t="s">
        <v>30</v>
      </c>
      <c r="K155" s="4" t="s">
        <v>31</v>
      </c>
      <c r="L155" s="5" t="s">
        <v>32</v>
      </c>
      <c r="M155" s="4" t="s">
        <v>33</v>
      </c>
      <c r="N155" s="5" t="s">
        <v>34</v>
      </c>
      <c r="O155" s="4" t="s">
        <v>35</v>
      </c>
      <c r="P155" s="5" t="s">
        <v>36</v>
      </c>
      <c r="Q155" s="4" t="s">
        <v>37</v>
      </c>
      <c r="R155" s="5" t="s">
        <v>38</v>
      </c>
      <c r="S155" s="4" t="s">
        <v>39</v>
      </c>
      <c r="T155" s="5" t="s">
        <v>40</v>
      </c>
      <c r="U155" s="4" t="s">
        <v>41</v>
      </c>
      <c r="V155" s="5" t="s">
        <v>42</v>
      </c>
      <c r="W155" s="4" t="s">
        <v>43</v>
      </c>
      <c r="X155" s="5" t="s">
        <v>44</v>
      </c>
      <c r="Y155" s="4" t="s">
        <v>45</v>
      </c>
      <c r="Z155" s="5" t="s">
        <v>46</v>
      </c>
      <c r="AA155" s="4" t="s">
        <v>47</v>
      </c>
      <c r="AB155" s="5" t="s">
        <v>48</v>
      </c>
      <c r="AC155" s="4" t="s">
        <v>49</v>
      </c>
      <c r="AD155" s="5" t="s">
        <v>50</v>
      </c>
      <c r="AE155" s="4" t="s">
        <v>51</v>
      </c>
      <c r="AF155" s="5" t="s">
        <v>52</v>
      </c>
      <c r="AG155" s="4" t="s">
        <v>53</v>
      </c>
      <c r="AH155" s="5" t="s">
        <v>54</v>
      </c>
      <c r="AI155" s="4" t="s">
        <v>55</v>
      </c>
      <c r="AJ155" s="5" t="s">
        <v>56</v>
      </c>
      <c r="AK155" s="4" t="s">
        <v>57</v>
      </c>
      <c r="AL155" s="5" t="s">
        <v>58</v>
      </c>
      <c r="AM155" s="4" t="s">
        <v>59</v>
      </c>
      <c r="AN155" s="5" t="s">
        <v>60</v>
      </c>
      <c r="AO155" s="4" t="s">
        <v>61</v>
      </c>
      <c r="AP155" s="5" t="s">
        <v>62</v>
      </c>
      <c r="AQ155" s="4" t="s">
        <v>63</v>
      </c>
      <c r="AR155" s="5" t="s">
        <v>64</v>
      </c>
      <c r="AS155" s="4" t="s">
        <v>65</v>
      </c>
      <c r="AT155" s="5" t="s">
        <v>66</v>
      </c>
      <c r="AU155" s="4" t="s">
        <v>67</v>
      </c>
      <c r="AV155" s="5" t="s">
        <v>68</v>
      </c>
      <c r="AW155" s="4" t="s">
        <v>69</v>
      </c>
      <c r="AX155" s="5" t="s">
        <v>70</v>
      </c>
      <c r="AY155" s="4" t="s">
        <v>71</v>
      </c>
      <c r="AZ155" s="5" t="s">
        <v>72</v>
      </c>
      <c r="BA155" s="4" t="s">
        <v>73</v>
      </c>
      <c r="BB155" s="5" t="s">
        <v>74</v>
      </c>
      <c r="BC155" s="4" t="s">
        <v>75</v>
      </c>
      <c r="BD155" s="5" t="s">
        <v>76</v>
      </c>
      <c r="BE155" s="4" t="s">
        <v>77</v>
      </c>
      <c r="BF155" s="5" t="s">
        <v>78</v>
      </c>
      <c r="BG155" s="4" t="s">
        <v>79</v>
      </c>
      <c r="BH155" s="5" t="s">
        <v>80</v>
      </c>
      <c r="BI155" s="4" t="s">
        <v>81</v>
      </c>
      <c r="BJ155" s="5" t="s">
        <v>82</v>
      </c>
      <c r="BK155" s="4" t="s">
        <v>83</v>
      </c>
      <c r="BL155" s="5" t="s">
        <v>84</v>
      </c>
      <c r="BM155" s="4" t="s">
        <v>85</v>
      </c>
      <c r="BN155" s="5" t="s">
        <v>86</v>
      </c>
      <c r="BO155" s="4" t="s">
        <v>87</v>
      </c>
      <c r="BP155" s="5" t="s">
        <v>88</v>
      </c>
      <c r="BQ155" s="4" t="s">
        <v>89</v>
      </c>
      <c r="BR155" s="5" t="s">
        <v>90</v>
      </c>
      <c r="BS155" s="4" t="s">
        <v>91</v>
      </c>
      <c r="BT155" s="5" t="s">
        <v>92</v>
      </c>
      <c r="BU155" s="4" t="s">
        <v>93</v>
      </c>
      <c r="BV155" s="5" t="s">
        <v>94</v>
      </c>
    </row>
    <row r="156" spans="1:74" x14ac:dyDescent="0.4">
      <c r="A156" s="4" t="s">
        <v>21</v>
      </c>
      <c r="B156" s="5" t="s">
        <v>22</v>
      </c>
      <c r="C156" s="4" t="s">
        <v>23</v>
      </c>
      <c r="D156" s="5" t="s">
        <v>24</v>
      </c>
      <c r="E156" s="4" t="s">
        <v>25</v>
      </c>
      <c r="F156" s="5" t="s">
        <v>26</v>
      </c>
      <c r="G156" s="4" t="s">
        <v>27</v>
      </c>
      <c r="H156" s="5" t="s">
        <v>28</v>
      </c>
      <c r="I156" s="4" t="s">
        <v>29</v>
      </c>
      <c r="J156" s="5" t="s">
        <v>30</v>
      </c>
      <c r="K156" s="4" t="s">
        <v>31</v>
      </c>
      <c r="L156" s="5" t="s">
        <v>32</v>
      </c>
      <c r="M156" s="4" t="s">
        <v>33</v>
      </c>
      <c r="N156" s="5" t="s">
        <v>34</v>
      </c>
      <c r="O156" s="4" t="s">
        <v>35</v>
      </c>
      <c r="P156" s="5" t="s">
        <v>36</v>
      </c>
      <c r="Q156" s="4" t="s">
        <v>37</v>
      </c>
      <c r="R156" s="5" t="s">
        <v>38</v>
      </c>
      <c r="S156" s="4" t="s">
        <v>39</v>
      </c>
      <c r="T156" s="5" t="s">
        <v>40</v>
      </c>
      <c r="U156" s="4" t="s">
        <v>41</v>
      </c>
      <c r="V156" s="5" t="s">
        <v>42</v>
      </c>
      <c r="W156" s="4" t="s">
        <v>43</v>
      </c>
      <c r="X156" s="5" t="s">
        <v>44</v>
      </c>
      <c r="Y156" s="4" t="s">
        <v>45</v>
      </c>
      <c r="Z156" s="5" t="s">
        <v>46</v>
      </c>
      <c r="AA156" s="4" t="s">
        <v>47</v>
      </c>
      <c r="AB156" s="5" t="s">
        <v>48</v>
      </c>
      <c r="AC156" s="4" t="s">
        <v>49</v>
      </c>
      <c r="AD156" s="5" t="s">
        <v>50</v>
      </c>
      <c r="AE156" s="4" t="s">
        <v>51</v>
      </c>
      <c r="AF156" s="5" t="s">
        <v>52</v>
      </c>
      <c r="AG156" s="4" t="s">
        <v>53</v>
      </c>
      <c r="AH156" s="5" t="s">
        <v>54</v>
      </c>
      <c r="AI156" s="4" t="s">
        <v>55</v>
      </c>
      <c r="AJ156" s="5" t="s">
        <v>56</v>
      </c>
      <c r="AK156" s="4" t="s">
        <v>57</v>
      </c>
      <c r="AL156" s="5" t="s">
        <v>58</v>
      </c>
      <c r="AM156" s="4" t="s">
        <v>59</v>
      </c>
      <c r="AN156" s="5" t="s">
        <v>60</v>
      </c>
      <c r="AO156" s="4" t="s">
        <v>61</v>
      </c>
      <c r="AP156" s="5" t="s">
        <v>62</v>
      </c>
      <c r="AQ156" s="4" t="s">
        <v>63</v>
      </c>
      <c r="AR156" s="5" t="s">
        <v>64</v>
      </c>
      <c r="AS156" s="4" t="s">
        <v>65</v>
      </c>
      <c r="AT156" s="5" t="s">
        <v>66</v>
      </c>
      <c r="AU156" s="4" t="s">
        <v>67</v>
      </c>
      <c r="AV156" s="5" t="s">
        <v>68</v>
      </c>
      <c r="AW156" s="4" t="s">
        <v>69</v>
      </c>
      <c r="AX156" s="5" t="s">
        <v>70</v>
      </c>
      <c r="AY156" s="4" t="s">
        <v>71</v>
      </c>
      <c r="AZ156" s="5" t="s">
        <v>72</v>
      </c>
      <c r="BA156" s="4" t="s">
        <v>73</v>
      </c>
      <c r="BB156" s="5" t="s">
        <v>74</v>
      </c>
      <c r="BC156" s="4" t="s">
        <v>75</v>
      </c>
      <c r="BD156" s="5" t="s">
        <v>76</v>
      </c>
      <c r="BE156" s="4" t="s">
        <v>77</v>
      </c>
      <c r="BF156" s="5" t="s">
        <v>78</v>
      </c>
      <c r="BG156" s="4" t="s">
        <v>79</v>
      </c>
      <c r="BH156" s="5" t="s">
        <v>80</v>
      </c>
      <c r="BI156" s="4" t="s">
        <v>81</v>
      </c>
      <c r="BJ156" s="5" t="s">
        <v>82</v>
      </c>
      <c r="BK156" s="4" t="s">
        <v>83</v>
      </c>
      <c r="BL156" s="5" t="s">
        <v>84</v>
      </c>
      <c r="BM156" s="4" t="s">
        <v>85</v>
      </c>
      <c r="BN156" s="5" t="s">
        <v>86</v>
      </c>
      <c r="BO156" s="4" t="s">
        <v>87</v>
      </c>
      <c r="BP156" s="5" t="s">
        <v>88</v>
      </c>
      <c r="BQ156" s="4" t="s">
        <v>89</v>
      </c>
      <c r="BR156" s="5" t="s">
        <v>90</v>
      </c>
      <c r="BS156" s="4" t="s">
        <v>91</v>
      </c>
      <c r="BT156" s="5" t="s">
        <v>92</v>
      </c>
      <c r="BU156" s="4" t="s">
        <v>93</v>
      </c>
      <c r="BV156" s="5" t="s">
        <v>94</v>
      </c>
    </row>
    <row r="157" spans="1:74" x14ac:dyDescent="0.4">
      <c r="A157" s="4" t="s">
        <v>21</v>
      </c>
      <c r="B157" s="5" t="s">
        <v>22</v>
      </c>
      <c r="C157" s="4" t="s">
        <v>23</v>
      </c>
      <c r="D157" s="5" t="s">
        <v>24</v>
      </c>
      <c r="E157" s="4" t="s">
        <v>25</v>
      </c>
      <c r="F157" s="5" t="s">
        <v>26</v>
      </c>
      <c r="G157" s="4" t="s">
        <v>27</v>
      </c>
      <c r="H157" s="5" t="s">
        <v>28</v>
      </c>
      <c r="I157" s="4" t="s">
        <v>29</v>
      </c>
      <c r="J157" s="5" t="s">
        <v>30</v>
      </c>
      <c r="K157" s="4" t="s">
        <v>31</v>
      </c>
      <c r="L157" s="5" t="s">
        <v>32</v>
      </c>
      <c r="M157" s="4" t="s">
        <v>33</v>
      </c>
      <c r="N157" s="5" t="s">
        <v>34</v>
      </c>
      <c r="O157" s="4" t="s">
        <v>35</v>
      </c>
      <c r="P157" s="5" t="s">
        <v>36</v>
      </c>
      <c r="Q157" s="4" t="s">
        <v>37</v>
      </c>
      <c r="R157" s="5" t="s">
        <v>38</v>
      </c>
      <c r="S157" s="4" t="s">
        <v>39</v>
      </c>
      <c r="T157" s="5" t="s">
        <v>40</v>
      </c>
      <c r="U157" s="4" t="s">
        <v>41</v>
      </c>
      <c r="V157" s="5" t="s">
        <v>42</v>
      </c>
      <c r="W157" s="4" t="s">
        <v>43</v>
      </c>
      <c r="X157" s="5" t="s">
        <v>44</v>
      </c>
      <c r="Y157" s="4" t="s">
        <v>45</v>
      </c>
      <c r="Z157" s="5" t="s">
        <v>46</v>
      </c>
      <c r="AA157" s="4" t="s">
        <v>47</v>
      </c>
      <c r="AB157" s="5" t="s">
        <v>48</v>
      </c>
      <c r="AC157" s="4" t="s">
        <v>49</v>
      </c>
      <c r="AD157" s="5" t="s">
        <v>50</v>
      </c>
      <c r="AE157" s="4" t="s">
        <v>51</v>
      </c>
      <c r="AF157" s="5" t="s">
        <v>52</v>
      </c>
      <c r="AG157" s="4" t="s">
        <v>53</v>
      </c>
      <c r="AH157" s="5" t="s">
        <v>54</v>
      </c>
      <c r="AI157" s="4" t="s">
        <v>55</v>
      </c>
      <c r="AJ157" s="5" t="s">
        <v>56</v>
      </c>
      <c r="AK157" s="4" t="s">
        <v>57</v>
      </c>
      <c r="AL157" s="5" t="s">
        <v>58</v>
      </c>
      <c r="AM157" s="4" t="s">
        <v>59</v>
      </c>
      <c r="AN157" s="5" t="s">
        <v>60</v>
      </c>
      <c r="AO157" s="4" t="s">
        <v>61</v>
      </c>
      <c r="AP157" s="5" t="s">
        <v>62</v>
      </c>
      <c r="AQ157" s="4" t="s">
        <v>63</v>
      </c>
      <c r="AR157" s="5" t="s">
        <v>64</v>
      </c>
      <c r="AS157" s="4" t="s">
        <v>65</v>
      </c>
      <c r="AT157" s="5" t="s">
        <v>66</v>
      </c>
      <c r="AU157" s="4" t="s">
        <v>67</v>
      </c>
      <c r="AV157" s="5" t="s">
        <v>68</v>
      </c>
      <c r="AW157" s="4" t="s">
        <v>69</v>
      </c>
      <c r="AX157" s="5" t="s">
        <v>70</v>
      </c>
      <c r="AY157" s="4" t="s">
        <v>71</v>
      </c>
      <c r="AZ157" s="5" t="s">
        <v>72</v>
      </c>
      <c r="BA157" s="4" t="s">
        <v>73</v>
      </c>
      <c r="BB157" s="5" t="s">
        <v>74</v>
      </c>
      <c r="BC157" s="4" t="s">
        <v>75</v>
      </c>
      <c r="BD157" s="5" t="s">
        <v>76</v>
      </c>
      <c r="BE157" s="4" t="s">
        <v>77</v>
      </c>
      <c r="BF157" s="5" t="s">
        <v>78</v>
      </c>
      <c r="BG157" s="4" t="s">
        <v>79</v>
      </c>
      <c r="BH157" s="5" t="s">
        <v>80</v>
      </c>
      <c r="BI157" s="4" t="s">
        <v>81</v>
      </c>
      <c r="BJ157" s="5" t="s">
        <v>82</v>
      </c>
      <c r="BK157" s="4" t="s">
        <v>83</v>
      </c>
      <c r="BL157" s="5" t="s">
        <v>84</v>
      </c>
      <c r="BM157" s="4" t="s">
        <v>85</v>
      </c>
      <c r="BN157" s="5" t="s">
        <v>86</v>
      </c>
      <c r="BO157" s="4" t="s">
        <v>87</v>
      </c>
      <c r="BP157" s="5" t="s">
        <v>88</v>
      </c>
      <c r="BQ157" s="4" t="s">
        <v>89</v>
      </c>
      <c r="BR157" s="5" t="s">
        <v>90</v>
      </c>
      <c r="BS157" s="4" t="s">
        <v>91</v>
      </c>
      <c r="BT157" s="5" t="s">
        <v>92</v>
      </c>
      <c r="BU157" s="4" t="s">
        <v>93</v>
      </c>
      <c r="BV157" s="5" t="s">
        <v>94</v>
      </c>
    </row>
    <row r="158" spans="1:74" x14ac:dyDescent="0.4">
      <c r="A158" s="4" t="s">
        <v>21</v>
      </c>
      <c r="B158" s="5" t="s">
        <v>22</v>
      </c>
      <c r="C158" s="4" t="s">
        <v>23</v>
      </c>
      <c r="D158" s="5" t="s">
        <v>24</v>
      </c>
      <c r="E158" s="4" t="s">
        <v>25</v>
      </c>
      <c r="F158" s="5" t="s">
        <v>26</v>
      </c>
      <c r="G158" s="4" t="s">
        <v>27</v>
      </c>
      <c r="H158" s="5" t="s">
        <v>28</v>
      </c>
      <c r="I158" s="4" t="s">
        <v>29</v>
      </c>
      <c r="J158" s="5" t="s">
        <v>30</v>
      </c>
      <c r="K158" s="4" t="s">
        <v>31</v>
      </c>
      <c r="L158" s="5" t="s">
        <v>32</v>
      </c>
      <c r="M158" s="4" t="s">
        <v>33</v>
      </c>
      <c r="N158" s="5" t="s">
        <v>34</v>
      </c>
      <c r="O158" s="4" t="s">
        <v>35</v>
      </c>
      <c r="P158" s="5" t="s">
        <v>36</v>
      </c>
      <c r="Q158" s="4" t="s">
        <v>37</v>
      </c>
      <c r="R158" s="5" t="s">
        <v>38</v>
      </c>
      <c r="S158" s="4" t="s">
        <v>39</v>
      </c>
      <c r="T158" s="5" t="s">
        <v>40</v>
      </c>
      <c r="U158" s="4" t="s">
        <v>41</v>
      </c>
      <c r="V158" s="5" t="s">
        <v>42</v>
      </c>
      <c r="W158" s="4" t="s">
        <v>43</v>
      </c>
      <c r="X158" s="5" t="s">
        <v>44</v>
      </c>
      <c r="Y158" s="4" t="s">
        <v>45</v>
      </c>
      <c r="Z158" s="5" t="s">
        <v>46</v>
      </c>
      <c r="AA158" s="4" t="s">
        <v>47</v>
      </c>
      <c r="AB158" s="5" t="s">
        <v>48</v>
      </c>
      <c r="AC158" s="4" t="s">
        <v>49</v>
      </c>
      <c r="AD158" s="5" t="s">
        <v>50</v>
      </c>
      <c r="AE158" s="4" t="s">
        <v>51</v>
      </c>
      <c r="AF158" s="5" t="s">
        <v>52</v>
      </c>
      <c r="AG158" s="4" t="s">
        <v>53</v>
      </c>
      <c r="AH158" s="5" t="s">
        <v>54</v>
      </c>
      <c r="AI158" s="4" t="s">
        <v>55</v>
      </c>
      <c r="AJ158" s="5" t="s">
        <v>56</v>
      </c>
      <c r="AK158" s="4" t="s">
        <v>57</v>
      </c>
      <c r="AL158" s="5" t="s">
        <v>58</v>
      </c>
      <c r="AM158" s="4" t="s">
        <v>59</v>
      </c>
      <c r="AN158" s="5" t="s">
        <v>60</v>
      </c>
      <c r="AO158" s="4" t="s">
        <v>61</v>
      </c>
      <c r="AP158" s="5" t="s">
        <v>62</v>
      </c>
      <c r="AQ158" s="4" t="s">
        <v>63</v>
      </c>
      <c r="AR158" s="5" t="s">
        <v>64</v>
      </c>
      <c r="AS158" s="4" t="s">
        <v>65</v>
      </c>
      <c r="AT158" s="5" t="s">
        <v>66</v>
      </c>
      <c r="AU158" s="4" t="s">
        <v>67</v>
      </c>
      <c r="AV158" s="5" t="s">
        <v>68</v>
      </c>
      <c r="AW158" s="4" t="s">
        <v>69</v>
      </c>
      <c r="AX158" s="5" t="s">
        <v>70</v>
      </c>
      <c r="AY158" s="4" t="s">
        <v>71</v>
      </c>
      <c r="AZ158" s="5" t="s">
        <v>72</v>
      </c>
      <c r="BA158" s="4" t="s">
        <v>73</v>
      </c>
      <c r="BB158" s="5" t="s">
        <v>74</v>
      </c>
      <c r="BC158" s="4" t="s">
        <v>75</v>
      </c>
      <c r="BD158" s="5" t="s">
        <v>76</v>
      </c>
      <c r="BE158" s="4" t="s">
        <v>77</v>
      </c>
      <c r="BF158" s="5" t="s">
        <v>78</v>
      </c>
      <c r="BG158" s="4" t="s">
        <v>79</v>
      </c>
      <c r="BH158" s="5" t="s">
        <v>80</v>
      </c>
      <c r="BI158" s="4" t="s">
        <v>81</v>
      </c>
      <c r="BJ158" s="5" t="s">
        <v>82</v>
      </c>
      <c r="BK158" s="4" t="s">
        <v>83</v>
      </c>
      <c r="BL158" s="5" t="s">
        <v>84</v>
      </c>
      <c r="BM158" s="4" t="s">
        <v>85</v>
      </c>
      <c r="BN158" s="5" t="s">
        <v>86</v>
      </c>
      <c r="BO158" s="4" t="s">
        <v>87</v>
      </c>
      <c r="BP158" s="5" t="s">
        <v>88</v>
      </c>
      <c r="BQ158" s="4" t="s">
        <v>89</v>
      </c>
      <c r="BR158" s="5" t="s">
        <v>90</v>
      </c>
      <c r="BS158" s="4" t="s">
        <v>91</v>
      </c>
      <c r="BT158" s="5" t="s">
        <v>92</v>
      </c>
      <c r="BU158" s="4" t="s">
        <v>93</v>
      </c>
      <c r="BV158" s="5" t="s">
        <v>94</v>
      </c>
    </row>
    <row r="159" spans="1:74" x14ac:dyDescent="0.4">
      <c r="A159" s="4" t="s">
        <v>21</v>
      </c>
      <c r="B159" s="5" t="s">
        <v>22</v>
      </c>
      <c r="C159" s="4" t="s">
        <v>23</v>
      </c>
      <c r="D159" s="5" t="s">
        <v>24</v>
      </c>
      <c r="E159" s="4" t="s">
        <v>25</v>
      </c>
      <c r="F159" s="5" t="s">
        <v>26</v>
      </c>
      <c r="G159" s="4" t="s">
        <v>27</v>
      </c>
      <c r="H159" s="5" t="s">
        <v>28</v>
      </c>
      <c r="I159" s="4" t="s">
        <v>29</v>
      </c>
      <c r="J159" s="5" t="s">
        <v>30</v>
      </c>
      <c r="K159" s="4" t="s">
        <v>31</v>
      </c>
      <c r="L159" s="5" t="s">
        <v>32</v>
      </c>
      <c r="M159" s="4" t="s">
        <v>33</v>
      </c>
      <c r="N159" s="5" t="s">
        <v>34</v>
      </c>
      <c r="O159" s="4" t="s">
        <v>35</v>
      </c>
      <c r="P159" s="5" t="s">
        <v>36</v>
      </c>
      <c r="Q159" s="4" t="s">
        <v>37</v>
      </c>
      <c r="R159" s="5" t="s">
        <v>38</v>
      </c>
      <c r="S159" s="4" t="s">
        <v>39</v>
      </c>
      <c r="T159" s="5" t="s">
        <v>40</v>
      </c>
      <c r="U159" s="4" t="s">
        <v>41</v>
      </c>
      <c r="V159" s="5" t="s">
        <v>42</v>
      </c>
      <c r="W159" s="4" t="s">
        <v>43</v>
      </c>
      <c r="X159" s="5" t="s">
        <v>44</v>
      </c>
      <c r="Y159" s="4" t="s">
        <v>45</v>
      </c>
      <c r="Z159" s="5" t="s">
        <v>46</v>
      </c>
      <c r="AA159" s="4" t="s">
        <v>47</v>
      </c>
      <c r="AB159" s="5" t="s">
        <v>48</v>
      </c>
      <c r="AC159" s="4" t="s">
        <v>49</v>
      </c>
      <c r="AD159" s="5" t="s">
        <v>50</v>
      </c>
      <c r="AE159" s="4" t="s">
        <v>51</v>
      </c>
      <c r="AF159" s="5" t="s">
        <v>52</v>
      </c>
      <c r="AG159" s="4" t="s">
        <v>53</v>
      </c>
      <c r="AH159" s="5" t="s">
        <v>54</v>
      </c>
      <c r="AI159" s="4" t="s">
        <v>55</v>
      </c>
      <c r="AJ159" s="5" t="s">
        <v>56</v>
      </c>
      <c r="AK159" s="4" t="s">
        <v>57</v>
      </c>
      <c r="AL159" s="5" t="s">
        <v>58</v>
      </c>
      <c r="AM159" s="4" t="s">
        <v>59</v>
      </c>
      <c r="AN159" s="5" t="s">
        <v>60</v>
      </c>
      <c r="AO159" s="4" t="s">
        <v>61</v>
      </c>
      <c r="AP159" s="5" t="s">
        <v>62</v>
      </c>
      <c r="AQ159" s="4" t="s">
        <v>63</v>
      </c>
      <c r="AR159" s="5" t="s">
        <v>64</v>
      </c>
      <c r="AS159" s="4" t="s">
        <v>65</v>
      </c>
      <c r="AT159" s="5" t="s">
        <v>66</v>
      </c>
      <c r="AU159" s="4" t="s">
        <v>67</v>
      </c>
      <c r="AV159" s="5" t="s">
        <v>68</v>
      </c>
      <c r="AW159" s="4" t="s">
        <v>69</v>
      </c>
      <c r="AX159" s="5" t="s">
        <v>70</v>
      </c>
      <c r="AY159" s="4" t="s">
        <v>71</v>
      </c>
      <c r="AZ159" s="5" t="s">
        <v>72</v>
      </c>
      <c r="BA159" s="4" t="s">
        <v>73</v>
      </c>
      <c r="BB159" s="5" t="s">
        <v>74</v>
      </c>
      <c r="BC159" s="4" t="s">
        <v>75</v>
      </c>
      <c r="BD159" s="5" t="s">
        <v>76</v>
      </c>
      <c r="BE159" s="4" t="s">
        <v>77</v>
      </c>
      <c r="BF159" s="5" t="s">
        <v>78</v>
      </c>
      <c r="BG159" s="4" t="s">
        <v>79</v>
      </c>
      <c r="BH159" s="5" t="s">
        <v>80</v>
      </c>
      <c r="BI159" s="4" t="s">
        <v>81</v>
      </c>
      <c r="BJ159" s="5" t="s">
        <v>82</v>
      </c>
      <c r="BK159" s="4" t="s">
        <v>83</v>
      </c>
      <c r="BL159" s="5" t="s">
        <v>84</v>
      </c>
      <c r="BM159" s="4" t="s">
        <v>85</v>
      </c>
      <c r="BN159" s="5" t="s">
        <v>86</v>
      </c>
      <c r="BO159" s="4" t="s">
        <v>87</v>
      </c>
      <c r="BP159" s="5" t="s">
        <v>88</v>
      </c>
      <c r="BQ159" s="4" t="s">
        <v>89</v>
      </c>
      <c r="BR159" s="5" t="s">
        <v>90</v>
      </c>
      <c r="BS159" s="4" t="s">
        <v>91</v>
      </c>
      <c r="BT159" s="5" t="s">
        <v>92</v>
      </c>
      <c r="BU159" s="4" t="s">
        <v>93</v>
      </c>
      <c r="BV159" s="5" t="s">
        <v>94</v>
      </c>
    </row>
    <row r="160" spans="1:74" x14ac:dyDescent="0.4">
      <c r="A160" s="4" t="s">
        <v>21</v>
      </c>
      <c r="B160" s="5" t="s">
        <v>22</v>
      </c>
      <c r="C160" s="4" t="s">
        <v>23</v>
      </c>
      <c r="D160" s="5" t="s">
        <v>24</v>
      </c>
      <c r="E160" s="4" t="s">
        <v>25</v>
      </c>
      <c r="F160" s="5" t="s">
        <v>26</v>
      </c>
      <c r="G160" s="4" t="s">
        <v>27</v>
      </c>
      <c r="H160" s="5" t="s">
        <v>28</v>
      </c>
      <c r="I160" s="4" t="s">
        <v>29</v>
      </c>
      <c r="J160" s="5" t="s">
        <v>30</v>
      </c>
      <c r="K160" s="4" t="s">
        <v>31</v>
      </c>
      <c r="L160" s="5" t="s">
        <v>32</v>
      </c>
      <c r="M160" s="4" t="s">
        <v>33</v>
      </c>
      <c r="N160" s="5" t="s">
        <v>34</v>
      </c>
      <c r="O160" s="4" t="s">
        <v>35</v>
      </c>
      <c r="P160" s="5" t="s">
        <v>36</v>
      </c>
      <c r="Q160" s="4" t="s">
        <v>37</v>
      </c>
      <c r="R160" s="5" t="s">
        <v>38</v>
      </c>
      <c r="S160" s="4" t="s">
        <v>39</v>
      </c>
      <c r="T160" s="5" t="s">
        <v>40</v>
      </c>
      <c r="U160" s="4" t="s">
        <v>41</v>
      </c>
      <c r="V160" s="5" t="s">
        <v>42</v>
      </c>
      <c r="W160" s="4" t="s">
        <v>43</v>
      </c>
      <c r="X160" s="5" t="s">
        <v>44</v>
      </c>
      <c r="Y160" s="4" t="s">
        <v>45</v>
      </c>
      <c r="Z160" s="5" t="s">
        <v>46</v>
      </c>
      <c r="AA160" s="4" t="s">
        <v>47</v>
      </c>
      <c r="AB160" s="5" t="s">
        <v>48</v>
      </c>
      <c r="AC160" s="4" t="s">
        <v>49</v>
      </c>
      <c r="AD160" s="5" t="s">
        <v>50</v>
      </c>
      <c r="AE160" s="4" t="s">
        <v>51</v>
      </c>
      <c r="AF160" s="5" t="s">
        <v>52</v>
      </c>
      <c r="AG160" s="4" t="s">
        <v>53</v>
      </c>
      <c r="AH160" s="5" t="s">
        <v>54</v>
      </c>
      <c r="AI160" s="4" t="s">
        <v>55</v>
      </c>
      <c r="AJ160" s="5" t="s">
        <v>56</v>
      </c>
      <c r="AK160" s="4" t="s">
        <v>57</v>
      </c>
      <c r="AL160" s="5" t="s">
        <v>58</v>
      </c>
      <c r="AM160" s="4" t="s">
        <v>59</v>
      </c>
      <c r="AN160" s="5" t="s">
        <v>60</v>
      </c>
      <c r="AO160" s="4" t="s">
        <v>61</v>
      </c>
      <c r="AP160" s="5" t="s">
        <v>62</v>
      </c>
      <c r="AQ160" s="4" t="s">
        <v>63</v>
      </c>
      <c r="AR160" s="5" t="s">
        <v>64</v>
      </c>
      <c r="AS160" s="4" t="s">
        <v>65</v>
      </c>
      <c r="AT160" s="5" t="s">
        <v>66</v>
      </c>
      <c r="AU160" s="4" t="s">
        <v>67</v>
      </c>
      <c r="AV160" s="5" t="s">
        <v>68</v>
      </c>
      <c r="AW160" s="4" t="s">
        <v>69</v>
      </c>
      <c r="AX160" s="5" t="s">
        <v>70</v>
      </c>
      <c r="AY160" s="4" t="s">
        <v>71</v>
      </c>
      <c r="AZ160" s="5" t="s">
        <v>72</v>
      </c>
      <c r="BA160" s="4" t="s">
        <v>73</v>
      </c>
      <c r="BB160" s="5" t="s">
        <v>74</v>
      </c>
      <c r="BC160" s="4" t="s">
        <v>75</v>
      </c>
      <c r="BD160" s="5" t="s">
        <v>76</v>
      </c>
      <c r="BE160" s="4" t="s">
        <v>77</v>
      </c>
      <c r="BF160" s="5" t="s">
        <v>78</v>
      </c>
      <c r="BG160" s="4" t="s">
        <v>79</v>
      </c>
      <c r="BH160" s="5" t="s">
        <v>80</v>
      </c>
      <c r="BI160" s="4" t="s">
        <v>81</v>
      </c>
      <c r="BJ160" s="5" t="s">
        <v>82</v>
      </c>
      <c r="BK160" s="4" t="s">
        <v>83</v>
      </c>
      <c r="BL160" s="5" t="s">
        <v>84</v>
      </c>
      <c r="BM160" s="4" t="s">
        <v>85</v>
      </c>
      <c r="BN160" s="5" t="s">
        <v>86</v>
      </c>
      <c r="BO160" s="4" t="s">
        <v>87</v>
      </c>
      <c r="BP160" s="5" t="s">
        <v>88</v>
      </c>
      <c r="BQ160" s="4" t="s">
        <v>89</v>
      </c>
      <c r="BR160" s="5" t="s">
        <v>90</v>
      </c>
      <c r="BS160" s="4" t="s">
        <v>91</v>
      </c>
      <c r="BT160" s="5" t="s">
        <v>92</v>
      </c>
      <c r="BU160" s="4" t="s">
        <v>93</v>
      </c>
      <c r="BV160" s="5" t="s">
        <v>94</v>
      </c>
    </row>
    <row r="161" spans="1:74" x14ac:dyDescent="0.4">
      <c r="A161" s="4" t="s">
        <v>21</v>
      </c>
      <c r="B161" s="5" t="s">
        <v>22</v>
      </c>
      <c r="C161" s="4" t="s">
        <v>23</v>
      </c>
      <c r="D161" s="5" t="s">
        <v>24</v>
      </c>
      <c r="E161" s="4" t="s">
        <v>25</v>
      </c>
      <c r="F161" s="5" t="s">
        <v>26</v>
      </c>
      <c r="G161" s="4" t="s">
        <v>27</v>
      </c>
      <c r="H161" s="5" t="s">
        <v>28</v>
      </c>
      <c r="I161" s="4" t="s">
        <v>29</v>
      </c>
      <c r="J161" s="5" t="s">
        <v>30</v>
      </c>
      <c r="K161" s="4" t="s">
        <v>31</v>
      </c>
      <c r="L161" s="5" t="s">
        <v>32</v>
      </c>
      <c r="M161" s="4" t="s">
        <v>33</v>
      </c>
      <c r="N161" s="5" t="s">
        <v>34</v>
      </c>
      <c r="O161" s="4" t="s">
        <v>35</v>
      </c>
      <c r="P161" s="5" t="s">
        <v>36</v>
      </c>
      <c r="Q161" s="4" t="s">
        <v>37</v>
      </c>
      <c r="R161" s="5" t="s">
        <v>38</v>
      </c>
      <c r="S161" s="4" t="s">
        <v>39</v>
      </c>
      <c r="T161" s="5" t="s">
        <v>40</v>
      </c>
      <c r="U161" s="4" t="s">
        <v>41</v>
      </c>
      <c r="V161" s="5" t="s">
        <v>42</v>
      </c>
      <c r="W161" s="4" t="s">
        <v>43</v>
      </c>
      <c r="X161" s="5" t="s">
        <v>44</v>
      </c>
      <c r="Y161" s="4" t="s">
        <v>45</v>
      </c>
      <c r="Z161" s="5" t="s">
        <v>46</v>
      </c>
      <c r="AA161" s="4" t="s">
        <v>47</v>
      </c>
      <c r="AB161" s="5" t="s">
        <v>48</v>
      </c>
      <c r="AC161" s="4" t="s">
        <v>49</v>
      </c>
      <c r="AD161" s="5" t="s">
        <v>50</v>
      </c>
      <c r="AE161" s="4" t="s">
        <v>51</v>
      </c>
      <c r="AF161" s="5" t="s">
        <v>52</v>
      </c>
      <c r="AG161" s="4" t="s">
        <v>53</v>
      </c>
      <c r="AH161" s="5" t="s">
        <v>54</v>
      </c>
      <c r="AI161" s="4" t="s">
        <v>55</v>
      </c>
      <c r="AJ161" s="5" t="s">
        <v>56</v>
      </c>
      <c r="AK161" s="4" t="s">
        <v>57</v>
      </c>
      <c r="AL161" s="5" t="s">
        <v>58</v>
      </c>
      <c r="AM161" s="4" t="s">
        <v>59</v>
      </c>
      <c r="AN161" s="5" t="s">
        <v>60</v>
      </c>
      <c r="AO161" s="4" t="s">
        <v>61</v>
      </c>
      <c r="AP161" s="5" t="s">
        <v>62</v>
      </c>
      <c r="AQ161" s="4" t="s">
        <v>63</v>
      </c>
      <c r="AR161" s="5" t="s">
        <v>64</v>
      </c>
      <c r="AS161" s="4" t="s">
        <v>65</v>
      </c>
      <c r="AT161" s="5" t="s">
        <v>66</v>
      </c>
      <c r="AU161" s="4" t="s">
        <v>67</v>
      </c>
      <c r="AV161" s="5" t="s">
        <v>68</v>
      </c>
      <c r="AW161" s="4" t="s">
        <v>69</v>
      </c>
      <c r="AX161" s="5" t="s">
        <v>70</v>
      </c>
      <c r="AY161" s="4" t="s">
        <v>71</v>
      </c>
      <c r="AZ161" s="5" t="s">
        <v>72</v>
      </c>
      <c r="BA161" s="4" t="s">
        <v>73</v>
      </c>
      <c r="BB161" s="5" t="s">
        <v>74</v>
      </c>
      <c r="BC161" s="4" t="s">
        <v>75</v>
      </c>
      <c r="BD161" s="5" t="s">
        <v>76</v>
      </c>
      <c r="BE161" s="4" t="s">
        <v>77</v>
      </c>
      <c r="BF161" s="5" t="s">
        <v>78</v>
      </c>
      <c r="BG161" s="4" t="s">
        <v>79</v>
      </c>
      <c r="BH161" s="5" t="s">
        <v>80</v>
      </c>
      <c r="BI161" s="4" t="s">
        <v>81</v>
      </c>
      <c r="BJ161" s="5" t="s">
        <v>82</v>
      </c>
      <c r="BK161" s="4" t="s">
        <v>83</v>
      </c>
      <c r="BL161" s="5" t="s">
        <v>84</v>
      </c>
      <c r="BM161" s="4" t="s">
        <v>85</v>
      </c>
      <c r="BN161" s="5" t="s">
        <v>86</v>
      </c>
      <c r="BO161" s="4" t="s">
        <v>87</v>
      </c>
      <c r="BP161" s="5" t="s">
        <v>88</v>
      </c>
      <c r="BQ161" s="4" t="s">
        <v>89</v>
      </c>
      <c r="BR161" s="5" t="s">
        <v>90</v>
      </c>
      <c r="BS161" s="4" t="s">
        <v>91</v>
      </c>
      <c r="BT161" s="5" t="s">
        <v>92</v>
      </c>
      <c r="BU161" s="4" t="s">
        <v>93</v>
      </c>
      <c r="BV161" s="5" t="s">
        <v>94</v>
      </c>
    </row>
    <row r="162" spans="1:74" x14ac:dyDescent="0.4">
      <c r="A162" s="4" t="s">
        <v>21</v>
      </c>
      <c r="B162" s="5" t="s">
        <v>22</v>
      </c>
      <c r="C162" s="4" t="s">
        <v>23</v>
      </c>
      <c r="D162" s="5" t="s">
        <v>24</v>
      </c>
      <c r="E162" s="4" t="s">
        <v>25</v>
      </c>
      <c r="F162" s="5" t="s">
        <v>26</v>
      </c>
      <c r="G162" s="4" t="s">
        <v>27</v>
      </c>
      <c r="H162" s="5" t="s">
        <v>28</v>
      </c>
      <c r="I162" s="4" t="s">
        <v>29</v>
      </c>
      <c r="J162" s="5" t="s">
        <v>30</v>
      </c>
      <c r="K162" s="4" t="s">
        <v>31</v>
      </c>
      <c r="L162" s="5" t="s">
        <v>32</v>
      </c>
      <c r="M162" s="4" t="s">
        <v>33</v>
      </c>
      <c r="N162" s="5" t="s">
        <v>34</v>
      </c>
      <c r="O162" s="4" t="s">
        <v>35</v>
      </c>
      <c r="P162" s="5" t="s">
        <v>36</v>
      </c>
      <c r="Q162" s="4" t="s">
        <v>37</v>
      </c>
      <c r="R162" s="5" t="s">
        <v>38</v>
      </c>
      <c r="S162" s="4" t="s">
        <v>39</v>
      </c>
      <c r="T162" s="5" t="s">
        <v>40</v>
      </c>
      <c r="U162" s="4" t="s">
        <v>41</v>
      </c>
      <c r="V162" s="5" t="s">
        <v>42</v>
      </c>
      <c r="W162" s="4" t="s">
        <v>43</v>
      </c>
      <c r="X162" s="5" t="s">
        <v>44</v>
      </c>
      <c r="Y162" s="4" t="s">
        <v>45</v>
      </c>
      <c r="Z162" s="5" t="s">
        <v>46</v>
      </c>
      <c r="AA162" s="4" t="s">
        <v>47</v>
      </c>
      <c r="AB162" s="5" t="s">
        <v>48</v>
      </c>
      <c r="AC162" s="4" t="s">
        <v>49</v>
      </c>
      <c r="AD162" s="5" t="s">
        <v>50</v>
      </c>
      <c r="AE162" s="4" t="s">
        <v>51</v>
      </c>
      <c r="AF162" s="5" t="s">
        <v>52</v>
      </c>
      <c r="AG162" s="4" t="s">
        <v>53</v>
      </c>
      <c r="AH162" s="5" t="s">
        <v>54</v>
      </c>
      <c r="AI162" s="4" t="s">
        <v>55</v>
      </c>
      <c r="AJ162" s="5" t="s">
        <v>56</v>
      </c>
      <c r="AK162" s="4" t="s">
        <v>57</v>
      </c>
      <c r="AL162" s="5" t="s">
        <v>58</v>
      </c>
      <c r="AM162" s="4" t="s">
        <v>59</v>
      </c>
      <c r="AN162" s="5" t="s">
        <v>60</v>
      </c>
      <c r="AO162" s="4" t="s">
        <v>61</v>
      </c>
      <c r="AP162" s="5" t="s">
        <v>62</v>
      </c>
      <c r="AQ162" s="4" t="s">
        <v>63</v>
      </c>
      <c r="AR162" s="5" t="s">
        <v>64</v>
      </c>
      <c r="AS162" s="4" t="s">
        <v>65</v>
      </c>
      <c r="AT162" s="5" t="s">
        <v>66</v>
      </c>
      <c r="AU162" s="4" t="s">
        <v>67</v>
      </c>
      <c r="AV162" s="5" t="s">
        <v>68</v>
      </c>
      <c r="AW162" s="4" t="s">
        <v>69</v>
      </c>
      <c r="AX162" s="5" t="s">
        <v>70</v>
      </c>
      <c r="AY162" s="4" t="s">
        <v>71</v>
      </c>
      <c r="AZ162" s="5" t="s">
        <v>72</v>
      </c>
      <c r="BA162" s="4" t="s">
        <v>73</v>
      </c>
      <c r="BB162" s="5" t="s">
        <v>74</v>
      </c>
      <c r="BC162" s="4" t="s">
        <v>75</v>
      </c>
      <c r="BD162" s="5" t="s">
        <v>76</v>
      </c>
      <c r="BE162" s="4" t="s">
        <v>77</v>
      </c>
      <c r="BF162" s="5" t="s">
        <v>78</v>
      </c>
      <c r="BG162" s="4" t="s">
        <v>79</v>
      </c>
      <c r="BH162" s="5" t="s">
        <v>80</v>
      </c>
      <c r="BI162" s="4" t="s">
        <v>81</v>
      </c>
      <c r="BJ162" s="5" t="s">
        <v>82</v>
      </c>
      <c r="BK162" s="4" t="s">
        <v>83</v>
      </c>
      <c r="BL162" s="5" t="s">
        <v>84</v>
      </c>
      <c r="BM162" s="4" t="s">
        <v>85</v>
      </c>
      <c r="BN162" s="5" t="s">
        <v>86</v>
      </c>
      <c r="BO162" s="4" t="s">
        <v>87</v>
      </c>
      <c r="BP162" s="5" t="s">
        <v>88</v>
      </c>
      <c r="BQ162" s="4" t="s">
        <v>89</v>
      </c>
      <c r="BR162" s="5" t="s">
        <v>90</v>
      </c>
      <c r="BS162" s="4" t="s">
        <v>91</v>
      </c>
      <c r="BT162" s="5" t="s">
        <v>92</v>
      </c>
      <c r="BU162" s="4" t="s">
        <v>93</v>
      </c>
      <c r="BV162" s="5" t="s">
        <v>94</v>
      </c>
    </row>
    <row r="163" spans="1:74" x14ac:dyDescent="0.4">
      <c r="A163" s="4" t="s">
        <v>21</v>
      </c>
      <c r="B163" s="5" t="s">
        <v>22</v>
      </c>
      <c r="C163" s="4" t="s">
        <v>23</v>
      </c>
      <c r="D163" s="5" t="s">
        <v>24</v>
      </c>
      <c r="E163" s="4" t="s">
        <v>25</v>
      </c>
      <c r="F163" s="5" t="s">
        <v>26</v>
      </c>
      <c r="G163" s="4" t="s">
        <v>27</v>
      </c>
      <c r="H163" s="5" t="s">
        <v>28</v>
      </c>
      <c r="I163" s="4" t="s">
        <v>29</v>
      </c>
      <c r="J163" s="5" t="s">
        <v>30</v>
      </c>
      <c r="K163" s="4" t="s">
        <v>31</v>
      </c>
      <c r="L163" s="5" t="s">
        <v>32</v>
      </c>
      <c r="M163" s="4" t="s">
        <v>33</v>
      </c>
      <c r="N163" s="5" t="s">
        <v>34</v>
      </c>
      <c r="O163" s="4" t="s">
        <v>35</v>
      </c>
      <c r="P163" s="5" t="s">
        <v>36</v>
      </c>
      <c r="Q163" s="4" t="s">
        <v>37</v>
      </c>
      <c r="R163" s="5" t="s">
        <v>38</v>
      </c>
      <c r="S163" s="4" t="s">
        <v>39</v>
      </c>
      <c r="T163" s="5" t="s">
        <v>40</v>
      </c>
      <c r="U163" s="4" t="s">
        <v>41</v>
      </c>
      <c r="V163" s="5" t="s">
        <v>42</v>
      </c>
      <c r="W163" s="4" t="s">
        <v>43</v>
      </c>
      <c r="X163" s="5" t="s">
        <v>44</v>
      </c>
      <c r="Y163" s="4" t="s">
        <v>45</v>
      </c>
      <c r="Z163" s="5" t="s">
        <v>46</v>
      </c>
      <c r="AA163" s="4" t="s">
        <v>47</v>
      </c>
      <c r="AB163" s="5" t="s">
        <v>48</v>
      </c>
      <c r="AC163" s="4" t="s">
        <v>49</v>
      </c>
      <c r="AD163" s="5" t="s">
        <v>50</v>
      </c>
      <c r="AE163" s="4" t="s">
        <v>51</v>
      </c>
      <c r="AF163" s="5" t="s">
        <v>52</v>
      </c>
      <c r="AG163" s="4" t="s">
        <v>53</v>
      </c>
      <c r="AH163" s="5" t="s">
        <v>54</v>
      </c>
      <c r="AI163" s="4" t="s">
        <v>55</v>
      </c>
      <c r="AJ163" s="5" t="s">
        <v>56</v>
      </c>
      <c r="AK163" s="4" t="s">
        <v>57</v>
      </c>
      <c r="AL163" s="5" t="s">
        <v>58</v>
      </c>
      <c r="AM163" s="4" t="s">
        <v>59</v>
      </c>
      <c r="AN163" s="5" t="s">
        <v>60</v>
      </c>
      <c r="AO163" s="4" t="s">
        <v>61</v>
      </c>
      <c r="AP163" s="5" t="s">
        <v>62</v>
      </c>
      <c r="AQ163" s="4" t="s">
        <v>63</v>
      </c>
      <c r="AR163" s="5" t="s">
        <v>64</v>
      </c>
      <c r="AS163" s="4" t="s">
        <v>65</v>
      </c>
      <c r="AT163" s="5" t="s">
        <v>66</v>
      </c>
      <c r="AU163" s="4" t="s">
        <v>67</v>
      </c>
      <c r="AV163" s="5" t="s">
        <v>68</v>
      </c>
      <c r="AW163" s="4" t="s">
        <v>69</v>
      </c>
      <c r="AX163" s="5" t="s">
        <v>70</v>
      </c>
      <c r="AY163" s="4" t="s">
        <v>71</v>
      </c>
      <c r="AZ163" s="5" t="s">
        <v>72</v>
      </c>
      <c r="BA163" s="4" t="s">
        <v>73</v>
      </c>
      <c r="BB163" s="5" t="s">
        <v>74</v>
      </c>
      <c r="BC163" s="4" t="s">
        <v>75</v>
      </c>
      <c r="BD163" s="5" t="s">
        <v>76</v>
      </c>
      <c r="BE163" s="4" t="s">
        <v>77</v>
      </c>
      <c r="BF163" s="5" t="s">
        <v>78</v>
      </c>
      <c r="BG163" s="4" t="s">
        <v>79</v>
      </c>
      <c r="BH163" s="5" t="s">
        <v>80</v>
      </c>
      <c r="BI163" s="4" t="s">
        <v>81</v>
      </c>
      <c r="BJ163" s="5" t="s">
        <v>82</v>
      </c>
      <c r="BK163" s="4" t="s">
        <v>83</v>
      </c>
      <c r="BL163" s="5" t="s">
        <v>84</v>
      </c>
      <c r="BM163" s="4" t="s">
        <v>85</v>
      </c>
      <c r="BN163" s="5" t="s">
        <v>86</v>
      </c>
      <c r="BO163" s="4" t="s">
        <v>87</v>
      </c>
      <c r="BP163" s="5" t="s">
        <v>88</v>
      </c>
      <c r="BQ163" s="4" t="s">
        <v>89</v>
      </c>
      <c r="BR163" s="5" t="s">
        <v>90</v>
      </c>
      <c r="BS163" s="4" t="s">
        <v>91</v>
      </c>
      <c r="BT163" s="5" t="s">
        <v>92</v>
      </c>
      <c r="BU163" s="4" t="s">
        <v>93</v>
      </c>
      <c r="BV163" s="5" t="s">
        <v>94</v>
      </c>
    </row>
    <row r="164" spans="1:74" x14ac:dyDescent="0.4">
      <c r="A164" s="4" t="s">
        <v>21</v>
      </c>
      <c r="B164" s="5" t="s">
        <v>22</v>
      </c>
      <c r="C164" s="4" t="s">
        <v>23</v>
      </c>
      <c r="D164" s="5" t="s">
        <v>24</v>
      </c>
      <c r="E164" s="4" t="s">
        <v>25</v>
      </c>
      <c r="F164" s="5" t="s">
        <v>26</v>
      </c>
      <c r="G164" s="4" t="s">
        <v>27</v>
      </c>
      <c r="H164" s="5" t="s">
        <v>28</v>
      </c>
      <c r="I164" s="4" t="s">
        <v>29</v>
      </c>
      <c r="J164" s="5" t="s">
        <v>30</v>
      </c>
      <c r="K164" s="4" t="s">
        <v>31</v>
      </c>
      <c r="L164" s="5" t="s">
        <v>32</v>
      </c>
      <c r="M164" s="4" t="s">
        <v>33</v>
      </c>
      <c r="N164" s="5" t="s">
        <v>34</v>
      </c>
      <c r="O164" s="4" t="s">
        <v>35</v>
      </c>
      <c r="P164" s="5" t="s">
        <v>36</v>
      </c>
      <c r="Q164" s="4" t="s">
        <v>37</v>
      </c>
      <c r="R164" s="5" t="s">
        <v>38</v>
      </c>
      <c r="S164" s="4" t="s">
        <v>39</v>
      </c>
      <c r="T164" s="5" t="s">
        <v>40</v>
      </c>
      <c r="U164" s="4" t="s">
        <v>41</v>
      </c>
      <c r="V164" s="5" t="s">
        <v>42</v>
      </c>
      <c r="W164" s="4" t="s">
        <v>43</v>
      </c>
      <c r="X164" s="5" t="s">
        <v>44</v>
      </c>
      <c r="Y164" s="4" t="s">
        <v>45</v>
      </c>
      <c r="Z164" s="5" t="s">
        <v>46</v>
      </c>
      <c r="AA164" s="4" t="s">
        <v>47</v>
      </c>
      <c r="AB164" s="5" t="s">
        <v>48</v>
      </c>
      <c r="AC164" s="4" t="s">
        <v>49</v>
      </c>
      <c r="AD164" s="5" t="s">
        <v>50</v>
      </c>
      <c r="AE164" s="4" t="s">
        <v>51</v>
      </c>
      <c r="AF164" s="5" t="s">
        <v>52</v>
      </c>
      <c r="AG164" s="4" t="s">
        <v>53</v>
      </c>
      <c r="AH164" s="5" t="s">
        <v>54</v>
      </c>
      <c r="AI164" s="4" t="s">
        <v>55</v>
      </c>
      <c r="AJ164" s="5" t="s">
        <v>56</v>
      </c>
      <c r="AK164" s="4" t="s">
        <v>57</v>
      </c>
      <c r="AL164" s="5" t="s">
        <v>58</v>
      </c>
      <c r="AM164" s="4" t="s">
        <v>59</v>
      </c>
      <c r="AN164" s="5" t="s">
        <v>60</v>
      </c>
      <c r="AO164" s="4" t="s">
        <v>61</v>
      </c>
      <c r="AP164" s="5" t="s">
        <v>62</v>
      </c>
      <c r="AQ164" s="4" t="s">
        <v>63</v>
      </c>
      <c r="AR164" s="5" t="s">
        <v>64</v>
      </c>
      <c r="AS164" s="4" t="s">
        <v>65</v>
      </c>
      <c r="AT164" s="5" t="s">
        <v>66</v>
      </c>
      <c r="AU164" s="4" t="s">
        <v>67</v>
      </c>
      <c r="AV164" s="5" t="s">
        <v>68</v>
      </c>
      <c r="AW164" s="4" t="s">
        <v>69</v>
      </c>
      <c r="AX164" s="5" t="s">
        <v>70</v>
      </c>
      <c r="AY164" s="4" t="s">
        <v>71</v>
      </c>
      <c r="AZ164" s="5" t="s">
        <v>72</v>
      </c>
      <c r="BA164" s="4" t="s">
        <v>73</v>
      </c>
      <c r="BB164" s="5" t="s">
        <v>74</v>
      </c>
      <c r="BC164" s="4" t="s">
        <v>75</v>
      </c>
      <c r="BD164" s="5" t="s">
        <v>76</v>
      </c>
      <c r="BE164" s="4" t="s">
        <v>77</v>
      </c>
      <c r="BF164" s="5" t="s">
        <v>78</v>
      </c>
      <c r="BG164" s="4" t="s">
        <v>79</v>
      </c>
      <c r="BH164" s="5" t="s">
        <v>80</v>
      </c>
      <c r="BI164" s="4" t="s">
        <v>81</v>
      </c>
      <c r="BJ164" s="5" t="s">
        <v>82</v>
      </c>
      <c r="BK164" s="4" t="s">
        <v>83</v>
      </c>
      <c r="BL164" s="5" t="s">
        <v>84</v>
      </c>
      <c r="BM164" s="4" t="s">
        <v>85</v>
      </c>
      <c r="BN164" s="5" t="s">
        <v>86</v>
      </c>
      <c r="BO164" s="4" t="s">
        <v>87</v>
      </c>
      <c r="BP164" s="5" t="s">
        <v>88</v>
      </c>
      <c r="BQ164" s="4" t="s">
        <v>89</v>
      </c>
      <c r="BR164" s="5" t="s">
        <v>90</v>
      </c>
      <c r="BS164" s="4" t="s">
        <v>91</v>
      </c>
      <c r="BT164" s="5" t="s">
        <v>92</v>
      </c>
      <c r="BU164" s="4" t="s">
        <v>93</v>
      </c>
      <c r="BV164" s="5" t="s">
        <v>94</v>
      </c>
    </row>
    <row r="165" spans="1:74" x14ac:dyDescent="0.4">
      <c r="A165" s="4" t="s">
        <v>21</v>
      </c>
      <c r="B165" s="5" t="s">
        <v>22</v>
      </c>
      <c r="C165" s="4" t="s">
        <v>23</v>
      </c>
      <c r="D165" s="5" t="s">
        <v>24</v>
      </c>
      <c r="E165" s="4" t="s">
        <v>25</v>
      </c>
      <c r="F165" s="5" t="s">
        <v>26</v>
      </c>
      <c r="G165" s="4" t="s">
        <v>27</v>
      </c>
      <c r="H165" s="5" t="s">
        <v>28</v>
      </c>
      <c r="I165" s="4" t="s">
        <v>29</v>
      </c>
      <c r="J165" s="5" t="s">
        <v>30</v>
      </c>
      <c r="K165" s="4" t="s">
        <v>31</v>
      </c>
      <c r="L165" s="5" t="s">
        <v>32</v>
      </c>
      <c r="M165" s="4" t="s">
        <v>33</v>
      </c>
      <c r="N165" s="5" t="s">
        <v>34</v>
      </c>
      <c r="O165" s="4" t="s">
        <v>35</v>
      </c>
      <c r="P165" s="5" t="s">
        <v>36</v>
      </c>
      <c r="Q165" s="4" t="s">
        <v>37</v>
      </c>
      <c r="R165" s="5" t="s">
        <v>38</v>
      </c>
      <c r="S165" s="4" t="s">
        <v>39</v>
      </c>
      <c r="T165" s="5" t="s">
        <v>40</v>
      </c>
      <c r="U165" s="4" t="s">
        <v>41</v>
      </c>
      <c r="V165" s="5" t="s">
        <v>42</v>
      </c>
      <c r="W165" s="4" t="s">
        <v>43</v>
      </c>
      <c r="X165" s="5" t="s">
        <v>44</v>
      </c>
      <c r="Y165" s="4" t="s">
        <v>45</v>
      </c>
      <c r="Z165" s="5" t="s">
        <v>46</v>
      </c>
      <c r="AA165" s="4" t="s">
        <v>47</v>
      </c>
      <c r="AB165" s="5" t="s">
        <v>48</v>
      </c>
      <c r="AC165" s="4" t="s">
        <v>49</v>
      </c>
      <c r="AD165" s="5" t="s">
        <v>50</v>
      </c>
      <c r="AE165" s="4" t="s">
        <v>51</v>
      </c>
      <c r="AF165" s="5" t="s">
        <v>52</v>
      </c>
      <c r="AG165" s="4" t="s">
        <v>53</v>
      </c>
      <c r="AH165" s="5" t="s">
        <v>54</v>
      </c>
      <c r="AI165" s="4" t="s">
        <v>55</v>
      </c>
      <c r="AJ165" s="5" t="s">
        <v>56</v>
      </c>
      <c r="AK165" s="4" t="s">
        <v>57</v>
      </c>
      <c r="AL165" s="5" t="s">
        <v>58</v>
      </c>
      <c r="AM165" s="4" t="s">
        <v>59</v>
      </c>
      <c r="AN165" s="5" t="s">
        <v>60</v>
      </c>
      <c r="AO165" s="4" t="s">
        <v>61</v>
      </c>
      <c r="AP165" s="5" t="s">
        <v>62</v>
      </c>
      <c r="AQ165" s="4" t="s">
        <v>63</v>
      </c>
      <c r="AR165" s="5" t="s">
        <v>64</v>
      </c>
      <c r="AS165" s="4" t="s">
        <v>65</v>
      </c>
      <c r="AT165" s="5" t="s">
        <v>66</v>
      </c>
      <c r="AU165" s="4" t="s">
        <v>67</v>
      </c>
      <c r="AV165" s="5" t="s">
        <v>68</v>
      </c>
      <c r="AW165" s="4" t="s">
        <v>69</v>
      </c>
      <c r="AX165" s="5" t="s">
        <v>70</v>
      </c>
      <c r="AY165" s="4" t="s">
        <v>71</v>
      </c>
      <c r="AZ165" s="5" t="s">
        <v>72</v>
      </c>
      <c r="BA165" s="4" t="s">
        <v>73</v>
      </c>
      <c r="BB165" s="5" t="s">
        <v>74</v>
      </c>
      <c r="BC165" s="4" t="s">
        <v>75</v>
      </c>
      <c r="BD165" s="5" t="s">
        <v>76</v>
      </c>
      <c r="BE165" s="4" t="s">
        <v>77</v>
      </c>
      <c r="BF165" s="5" t="s">
        <v>78</v>
      </c>
      <c r="BG165" s="4" t="s">
        <v>79</v>
      </c>
      <c r="BH165" s="5" t="s">
        <v>80</v>
      </c>
      <c r="BI165" s="4" t="s">
        <v>81</v>
      </c>
      <c r="BJ165" s="5" t="s">
        <v>82</v>
      </c>
      <c r="BK165" s="4" t="s">
        <v>83</v>
      </c>
      <c r="BL165" s="5" t="s">
        <v>84</v>
      </c>
      <c r="BM165" s="4" t="s">
        <v>85</v>
      </c>
      <c r="BN165" s="5" t="s">
        <v>86</v>
      </c>
      <c r="BO165" s="4" t="s">
        <v>87</v>
      </c>
      <c r="BP165" s="5" t="s">
        <v>88</v>
      </c>
      <c r="BQ165" s="4" t="s">
        <v>89</v>
      </c>
      <c r="BR165" s="5" t="s">
        <v>90</v>
      </c>
      <c r="BS165" s="4" t="s">
        <v>91</v>
      </c>
      <c r="BT165" s="5" t="s">
        <v>92</v>
      </c>
      <c r="BU165" s="4" t="s">
        <v>93</v>
      </c>
      <c r="BV165" s="5" t="s">
        <v>94</v>
      </c>
    </row>
    <row r="166" spans="1:74" x14ac:dyDescent="0.4">
      <c r="A166" s="4" t="s">
        <v>21</v>
      </c>
      <c r="B166" s="5" t="s">
        <v>22</v>
      </c>
      <c r="C166" s="4" t="s">
        <v>23</v>
      </c>
      <c r="D166" s="5" t="s">
        <v>24</v>
      </c>
      <c r="E166" s="4" t="s">
        <v>25</v>
      </c>
      <c r="F166" s="5" t="s">
        <v>26</v>
      </c>
      <c r="G166" s="4" t="s">
        <v>27</v>
      </c>
      <c r="H166" s="5" t="s">
        <v>28</v>
      </c>
      <c r="I166" s="4" t="s">
        <v>29</v>
      </c>
      <c r="J166" s="5" t="s">
        <v>30</v>
      </c>
      <c r="K166" s="4" t="s">
        <v>31</v>
      </c>
      <c r="L166" s="5" t="s">
        <v>32</v>
      </c>
      <c r="M166" s="4" t="s">
        <v>33</v>
      </c>
      <c r="N166" s="5" t="s">
        <v>34</v>
      </c>
      <c r="O166" s="4" t="s">
        <v>35</v>
      </c>
      <c r="P166" s="5" t="s">
        <v>36</v>
      </c>
      <c r="Q166" s="4" t="s">
        <v>37</v>
      </c>
      <c r="R166" s="5" t="s">
        <v>38</v>
      </c>
      <c r="S166" s="4" t="s">
        <v>39</v>
      </c>
      <c r="T166" s="5" t="s">
        <v>40</v>
      </c>
      <c r="U166" s="4" t="s">
        <v>41</v>
      </c>
      <c r="V166" s="5" t="s">
        <v>42</v>
      </c>
      <c r="W166" s="4" t="s">
        <v>43</v>
      </c>
      <c r="X166" s="5" t="s">
        <v>44</v>
      </c>
      <c r="Y166" s="4" t="s">
        <v>45</v>
      </c>
      <c r="Z166" s="5" t="s">
        <v>46</v>
      </c>
      <c r="AA166" s="4" t="s">
        <v>47</v>
      </c>
      <c r="AB166" s="5" t="s">
        <v>48</v>
      </c>
      <c r="AC166" s="4" t="s">
        <v>49</v>
      </c>
      <c r="AD166" s="5" t="s">
        <v>50</v>
      </c>
      <c r="AE166" s="4" t="s">
        <v>51</v>
      </c>
      <c r="AF166" s="5" t="s">
        <v>52</v>
      </c>
      <c r="AG166" s="4" t="s">
        <v>53</v>
      </c>
      <c r="AH166" s="5" t="s">
        <v>54</v>
      </c>
      <c r="AI166" s="4" t="s">
        <v>55</v>
      </c>
      <c r="AJ166" s="5" t="s">
        <v>56</v>
      </c>
      <c r="AK166" s="4" t="s">
        <v>57</v>
      </c>
      <c r="AL166" s="5" t="s">
        <v>58</v>
      </c>
      <c r="AM166" s="4" t="s">
        <v>59</v>
      </c>
      <c r="AN166" s="5" t="s">
        <v>60</v>
      </c>
      <c r="AO166" s="4" t="s">
        <v>61</v>
      </c>
      <c r="AP166" s="5" t="s">
        <v>62</v>
      </c>
      <c r="AQ166" s="4" t="s">
        <v>63</v>
      </c>
      <c r="AR166" s="5" t="s">
        <v>64</v>
      </c>
      <c r="AS166" s="4" t="s">
        <v>65</v>
      </c>
      <c r="AT166" s="5" t="s">
        <v>66</v>
      </c>
      <c r="AU166" s="4" t="s">
        <v>67</v>
      </c>
      <c r="AV166" s="5" t="s">
        <v>68</v>
      </c>
      <c r="AW166" s="4" t="s">
        <v>69</v>
      </c>
      <c r="AX166" s="5" t="s">
        <v>70</v>
      </c>
      <c r="AY166" s="4" t="s">
        <v>71</v>
      </c>
      <c r="AZ166" s="5" t="s">
        <v>72</v>
      </c>
      <c r="BA166" s="4" t="s">
        <v>73</v>
      </c>
      <c r="BB166" s="5" t="s">
        <v>74</v>
      </c>
      <c r="BC166" s="4" t="s">
        <v>75</v>
      </c>
      <c r="BD166" s="5" t="s">
        <v>76</v>
      </c>
      <c r="BE166" s="4" t="s">
        <v>77</v>
      </c>
      <c r="BF166" s="5" t="s">
        <v>78</v>
      </c>
      <c r="BG166" s="4" t="s">
        <v>79</v>
      </c>
      <c r="BH166" s="5" t="s">
        <v>80</v>
      </c>
      <c r="BI166" s="4" t="s">
        <v>81</v>
      </c>
      <c r="BJ166" s="5" t="s">
        <v>82</v>
      </c>
      <c r="BK166" s="4" t="s">
        <v>83</v>
      </c>
      <c r="BL166" s="5" t="s">
        <v>84</v>
      </c>
      <c r="BM166" s="4" t="s">
        <v>85</v>
      </c>
      <c r="BN166" s="5" t="s">
        <v>86</v>
      </c>
      <c r="BO166" s="4" t="s">
        <v>87</v>
      </c>
      <c r="BP166" s="5" t="s">
        <v>88</v>
      </c>
      <c r="BQ166" s="4" t="s">
        <v>89</v>
      </c>
      <c r="BR166" s="5" t="s">
        <v>90</v>
      </c>
      <c r="BS166" s="4" t="s">
        <v>91</v>
      </c>
      <c r="BT166" s="5" t="s">
        <v>92</v>
      </c>
      <c r="BU166" s="4" t="s">
        <v>93</v>
      </c>
      <c r="BV166" s="5" t="s">
        <v>94</v>
      </c>
    </row>
    <row r="167" spans="1:74" x14ac:dyDescent="0.4">
      <c r="A167" s="4" t="s">
        <v>21</v>
      </c>
      <c r="B167" s="5" t="s">
        <v>22</v>
      </c>
      <c r="C167" s="4" t="s">
        <v>23</v>
      </c>
      <c r="D167" s="5" t="s">
        <v>24</v>
      </c>
      <c r="E167" s="4" t="s">
        <v>25</v>
      </c>
      <c r="F167" s="5" t="s">
        <v>26</v>
      </c>
      <c r="G167" s="4" t="s">
        <v>27</v>
      </c>
      <c r="H167" s="5" t="s">
        <v>28</v>
      </c>
      <c r="I167" s="4" t="s">
        <v>29</v>
      </c>
      <c r="J167" s="5" t="s">
        <v>30</v>
      </c>
      <c r="K167" s="4" t="s">
        <v>31</v>
      </c>
      <c r="L167" s="5" t="s">
        <v>32</v>
      </c>
      <c r="M167" s="4" t="s">
        <v>33</v>
      </c>
      <c r="N167" s="5" t="s">
        <v>34</v>
      </c>
      <c r="O167" s="4" t="s">
        <v>35</v>
      </c>
      <c r="P167" s="5" t="s">
        <v>36</v>
      </c>
      <c r="Q167" s="4" t="s">
        <v>37</v>
      </c>
      <c r="R167" s="5" t="s">
        <v>38</v>
      </c>
      <c r="S167" s="4" t="s">
        <v>39</v>
      </c>
      <c r="T167" s="5" t="s">
        <v>40</v>
      </c>
      <c r="U167" s="4" t="s">
        <v>41</v>
      </c>
      <c r="V167" s="5" t="s">
        <v>42</v>
      </c>
      <c r="W167" s="4" t="s">
        <v>43</v>
      </c>
      <c r="X167" s="5" t="s">
        <v>44</v>
      </c>
      <c r="Y167" s="4" t="s">
        <v>45</v>
      </c>
      <c r="Z167" s="5" t="s">
        <v>46</v>
      </c>
      <c r="AA167" s="4" t="s">
        <v>47</v>
      </c>
      <c r="AB167" s="5" t="s">
        <v>48</v>
      </c>
      <c r="AC167" s="4" t="s">
        <v>49</v>
      </c>
      <c r="AD167" s="5" t="s">
        <v>50</v>
      </c>
      <c r="AE167" s="4" t="s">
        <v>51</v>
      </c>
      <c r="AF167" s="5" t="s">
        <v>52</v>
      </c>
      <c r="AG167" s="4" t="s">
        <v>53</v>
      </c>
      <c r="AH167" s="5" t="s">
        <v>54</v>
      </c>
      <c r="AI167" s="4" t="s">
        <v>55</v>
      </c>
      <c r="AJ167" s="5" t="s">
        <v>56</v>
      </c>
      <c r="AK167" s="4" t="s">
        <v>57</v>
      </c>
      <c r="AL167" s="5" t="s">
        <v>58</v>
      </c>
      <c r="AM167" s="4" t="s">
        <v>59</v>
      </c>
      <c r="AN167" s="5" t="s">
        <v>60</v>
      </c>
      <c r="AO167" s="4" t="s">
        <v>61</v>
      </c>
      <c r="AP167" s="5" t="s">
        <v>62</v>
      </c>
      <c r="AQ167" s="4" t="s">
        <v>63</v>
      </c>
      <c r="AR167" s="5" t="s">
        <v>64</v>
      </c>
      <c r="AS167" s="4" t="s">
        <v>65</v>
      </c>
      <c r="AT167" s="5" t="s">
        <v>66</v>
      </c>
      <c r="AU167" s="4" t="s">
        <v>67</v>
      </c>
      <c r="AV167" s="5" t="s">
        <v>68</v>
      </c>
      <c r="AW167" s="4" t="s">
        <v>69</v>
      </c>
      <c r="AX167" s="5" t="s">
        <v>70</v>
      </c>
      <c r="AY167" s="4" t="s">
        <v>71</v>
      </c>
      <c r="AZ167" s="5" t="s">
        <v>72</v>
      </c>
      <c r="BA167" s="4" t="s">
        <v>73</v>
      </c>
      <c r="BB167" s="5" t="s">
        <v>74</v>
      </c>
      <c r="BC167" s="4" t="s">
        <v>75</v>
      </c>
      <c r="BD167" s="5" t="s">
        <v>76</v>
      </c>
      <c r="BE167" s="4" t="s">
        <v>77</v>
      </c>
      <c r="BF167" s="5" t="s">
        <v>78</v>
      </c>
      <c r="BG167" s="4" t="s">
        <v>79</v>
      </c>
      <c r="BH167" s="5" t="s">
        <v>80</v>
      </c>
      <c r="BI167" s="4" t="s">
        <v>81</v>
      </c>
      <c r="BJ167" s="5" t="s">
        <v>82</v>
      </c>
      <c r="BK167" s="4" t="s">
        <v>83</v>
      </c>
      <c r="BL167" s="5" t="s">
        <v>84</v>
      </c>
      <c r="BM167" s="4" t="s">
        <v>85</v>
      </c>
      <c r="BN167" s="5" t="s">
        <v>86</v>
      </c>
      <c r="BO167" s="4" t="s">
        <v>87</v>
      </c>
      <c r="BP167" s="5" t="s">
        <v>88</v>
      </c>
      <c r="BQ167" s="4" t="s">
        <v>89</v>
      </c>
      <c r="BR167" s="5" t="s">
        <v>90</v>
      </c>
      <c r="BS167" s="4" t="s">
        <v>91</v>
      </c>
      <c r="BT167" s="5" t="s">
        <v>92</v>
      </c>
      <c r="BU167" s="4" t="s">
        <v>93</v>
      </c>
      <c r="BV167" s="5" t="s">
        <v>94</v>
      </c>
    </row>
    <row r="168" spans="1:74" x14ac:dyDescent="0.4">
      <c r="A168" s="4" t="s">
        <v>21</v>
      </c>
      <c r="B168" s="5" t="s">
        <v>22</v>
      </c>
      <c r="C168" s="4" t="s">
        <v>23</v>
      </c>
      <c r="D168" s="5" t="s">
        <v>24</v>
      </c>
      <c r="E168" s="4" t="s">
        <v>25</v>
      </c>
      <c r="F168" s="5" t="s">
        <v>26</v>
      </c>
      <c r="G168" s="4" t="s">
        <v>27</v>
      </c>
      <c r="H168" s="5" t="s">
        <v>28</v>
      </c>
      <c r="I168" s="4" t="s">
        <v>29</v>
      </c>
      <c r="J168" s="5" t="s">
        <v>30</v>
      </c>
      <c r="K168" s="4" t="s">
        <v>31</v>
      </c>
      <c r="L168" s="5" t="s">
        <v>32</v>
      </c>
      <c r="M168" s="4" t="s">
        <v>33</v>
      </c>
      <c r="N168" s="5" t="s">
        <v>34</v>
      </c>
      <c r="O168" s="4" t="s">
        <v>35</v>
      </c>
      <c r="P168" s="5" t="s">
        <v>36</v>
      </c>
      <c r="Q168" s="4" t="s">
        <v>37</v>
      </c>
      <c r="R168" s="5" t="s">
        <v>38</v>
      </c>
      <c r="S168" s="4" t="s">
        <v>39</v>
      </c>
      <c r="T168" s="5" t="s">
        <v>40</v>
      </c>
      <c r="U168" s="4" t="s">
        <v>41</v>
      </c>
      <c r="V168" s="5" t="s">
        <v>42</v>
      </c>
      <c r="W168" s="4" t="s">
        <v>43</v>
      </c>
      <c r="X168" s="5" t="s">
        <v>44</v>
      </c>
      <c r="Y168" s="4" t="s">
        <v>45</v>
      </c>
      <c r="Z168" s="5" t="s">
        <v>46</v>
      </c>
      <c r="AA168" s="4" t="s">
        <v>47</v>
      </c>
      <c r="AB168" s="5" t="s">
        <v>48</v>
      </c>
      <c r="AC168" s="4" t="s">
        <v>49</v>
      </c>
      <c r="AD168" s="5" t="s">
        <v>50</v>
      </c>
      <c r="AE168" s="4" t="s">
        <v>51</v>
      </c>
      <c r="AF168" s="5" t="s">
        <v>52</v>
      </c>
      <c r="AG168" s="4" t="s">
        <v>53</v>
      </c>
      <c r="AH168" s="5" t="s">
        <v>54</v>
      </c>
      <c r="AI168" s="4" t="s">
        <v>55</v>
      </c>
      <c r="AJ168" s="5" t="s">
        <v>56</v>
      </c>
      <c r="AK168" s="4" t="s">
        <v>57</v>
      </c>
      <c r="AL168" s="5" t="s">
        <v>58</v>
      </c>
      <c r="AM168" s="4" t="s">
        <v>59</v>
      </c>
      <c r="AN168" s="5" t="s">
        <v>60</v>
      </c>
      <c r="AO168" s="4" t="s">
        <v>61</v>
      </c>
      <c r="AP168" s="5" t="s">
        <v>62</v>
      </c>
      <c r="AQ168" s="4" t="s">
        <v>63</v>
      </c>
      <c r="AR168" s="5" t="s">
        <v>64</v>
      </c>
      <c r="AS168" s="4" t="s">
        <v>65</v>
      </c>
      <c r="AT168" s="5" t="s">
        <v>66</v>
      </c>
      <c r="AU168" s="4" t="s">
        <v>67</v>
      </c>
      <c r="AV168" s="5" t="s">
        <v>68</v>
      </c>
      <c r="AW168" s="4" t="s">
        <v>69</v>
      </c>
      <c r="AX168" s="5" t="s">
        <v>70</v>
      </c>
      <c r="AY168" s="4" t="s">
        <v>71</v>
      </c>
      <c r="AZ168" s="5" t="s">
        <v>72</v>
      </c>
      <c r="BA168" s="4" t="s">
        <v>73</v>
      </c>
      <c r="BB168" s="5" t="s">
        <v>74</v>
      </c>
      <c r="BC168" s="4" t="s">
        <v>75</v>
      </c>
      <c r="BD168" s="5" t="s">
        <v>76</v>
      </c>
      <c r="BE168" s="4" t="s">
        <v>77</v>
      </c>
      <c r="BF168" s="5" t="s">
        <v>78</v>
      </c>
      <c r="BG168" s="4" t="s">
        <v>79</v>
      </c>
      <c r="BH168" s="5" t="s">
        <v>80</v>
      </c>
      <c r="BI168" s="4" t="s">
        <v>81</v>
      </c>
      <c r="BJ168" s="5" t="s">
        <v>82</v>
      </c>
      <c r="BK168" s="4" t="s">
        <v>83</v>
      </c>
      <c r="BL168" s="5" t="s">
        <v>84</v>
      </c>
      <c r="BM168" s="4" t="s">
        <v>85</v>
      </c>
      <c r="BN168" s="5" t="s">
        <v>86</v>
      </c>
      <c r="BO168" s="4" t="s">
        <v>87</v>
      </c>
      <c r="BP168" s="5" t="s">
        <v>88</v>
      </c>
      <c r="BQ168" s="4" t="s">
        <v>89</v>
      </c>
      <c r="BR168" s="5" t="s">
        <v>90</v>
      </c>
      <c r="BS168" s="4" t="s">
        <v>91</v>
      </c>
      <c r="BT168" s="5" t="s">
        <v>92</v>
      </c>
      <c r="BU168" s="4" t="s">
        <v>93</v>
      </c>
      <c r="BV168" s="5" t="s">
        <v>94</v>
      </c>
    </row>
    <row r="169" spans="1:74" x14ac:dyDescent="0.4">
      <c r="A169" s="4" t="s">
        <v>21</v>
      </c>
      <c r="B169" s="5" t="s">
        <v>22</v>
      </c>
      <c r="C169" s="4" t="s">
        <v>23</v>
      </c>
      <c r="D169" s="5" t="s">
        <v>24</v>
      </c>
      <c r="E169" s="4" t="s">
        <v>25</v>
      </c>
      <c r="F169" s="5" t="s">
        <v>26</v>
      </c>
      <c r="G169" s="4" t="s">
        <v>27</v>
      </c>
      <c r="H169" s="5" t="s">
        <v>28</v>
      </c>
      <c r="I169" s="4" t="s">
        <v>29</v>
      </c>
      <c r="J169" s="5" t="s">
        <v>30</v>
      </c>
      <c r="K169" s="4" t="s">
        <v>31</v>
      </c>
      <c r="L169" s="5" t="s">
        <v>32</v>
      </c>
      <c r="M169" s="4" t="s">
        <v>33</v>
      </c>
      <c r="N169" s="5" t="s">
        <v>34</v>
      </c>
      <c r="O169" s="4" t="s">
        <v>35</v>
      </c>
      <c r="P169" s="5" t="s">
        <v>36</v>
      </c>
      <c r="Q169" s="4" t="s">
        <v>37</v>
      </c>
      <c r="R169" s="5" t="s">
        <v>38</v>
      </c>
      <c r="S169" s="4" t="s">
        <v>39</v>
      </c>
      <c r="T169" s="5" t="s">
        <v>40</v>
      </c>
      <c r="U169" s="4" t="s">
        <v>41</v>
      </c>
      <c r="V169" s="5" t="s">
        <v>42</v>
      </c>
      <c r="W169" s="4" t="s">
        <v>43</v>
      </c>
      <c r="X169" s="5" t="s">
        <v>44</v>
      </c>
      <c r="Y169" s="4" t="s">
        <v>45</v>
      </c>
      <c r="Z169" s="5" t="s">
        <v>46</v>
      </c>
      <c r="AA169" s="4" t="s">
        <v>47</v>
      </c>
      <c r="AB169" s="5" t="s">
        <v>48</v>
      </c>
      <c r="AC169" s="4" t="s">
        <v>49</v>
      </c>
      <c r="AD169" s="5" t="s">
        <v>50</v>
      </c>
      <c r="AE169" s="4" t="s">
        <v>51</v>
      </c>
      <c r="AF169" s="5" t="s">
        <v>52</v>
      </c>
      <c r="AG169" s="4" t="s">
        <v>53</v>
      </c>
      <c r="AH169" s="5" t="s">
        <v>54</v>
      </c>
      <c r="AI169" s="4" t="s">
        <v>55</v>
      </c>
      <c r="AJ169" s="5" t="s">
        <v>56</v>
      </c>
      <c r="AK169" s="4" t="s">
        <v>57</v>
      </c>
      <c r="AL169" s="5" t="s">
        <v>58</v>
      </c>
      <c r="AM169" s="4" t="s">
        <v>59</v>
      </c>
      <c r="AN169" s="5" t="s">
        <v>60</v>
      </c>
      <c r="AO169" s="4" t="s">
        <v>61</v>
      </c>
      <c r="AP169" s="5" t="s">
        <v>62</v>
      </c>
      <c r="AQ169" s="4" t="s">
        <v>63</v>
      </c>
      <c r="AR169" s="5" t="s">
        <v>64</v>
      </c>
      <c r="AS169" s="4" t="s">
        <v>65</v>
      </c>
      <c r="AT169" s="5" t="s">
        <v>66</v>
      </c>
      <c r="AU169" s="4" t="s">
        <v>67</v>
      </c>
      <c r="AV169" s="5" t="s">
        <v>68</v>
      </c>
      <c r="AW169" s="4" t="s">
        <v>69</v>
      </c>
      <c r="AX169" s="5" t="s">
        <v>70</v>
      </c>
      <c r="AY169" s="4" t="s">
        <v>71</v>
      </c>
      <c r="AZ169" s="5" t="s">
        <v>72</v>
      </c>
      <c r="BA169" s="4" t="s">
        <v>73</v>
      </c>
      <c r="BB169" s="5" t="s">
        <v>74</v>
      </c>
      <c r="BC169" s="4" t="s">
        <v>75</v>
      </c>
      <c r="BD169" s="5" t="s">
        <v>76</v>
      </c>
      <c r="BE169" s="4" t="s">
        <v>77</v>
      </c>
      <c r="BF169" s="5" t="s">
        <v>78</v>
      </c>
      <c r="BG169" s="4" t="s">
        <v>79</v>
      </c>
      <c r="BH169" s="5" t="s">
        <v>80</v>
      </c>
      <c r="BI169" s="4" t="s">
        <v>81</v>
      </c>
      <c r="BJ169" s="5" t="s">
        <v>82</v>
      </c>
      <c r="BK169" s="4" t="s">
        <v>83</v>
      </c>
      <c r="BL169" s="5" t="s">
        <v>84</v>
      </c>
      <c r="BM169" s="4" t="s">
        <v>85</v>
      </c>
      <c r="BN169" s="5" t="s">
        <v>86</v>
      </c>
      <c r="BO169" s="4" t="s">
        <v>87</v>
      </c>
      <c r="BP169" s="5" t="s">
        <v>88</v>
      </c>
      <c r="BQ169" s="4" t="s">
        <v>89</v>
      </c>
      <c r="BR169" s="5" t="s">
        <v>90</v>
      </c>
      <c r="BS169" s="4" t="s">
        <v>91</v>
      </c>
      <c r="BT169" s="5" t="s">
        <v>92</v>
      </c>
      <c r="BU169" s="4" t="s">
        <v>93</v>
      </c>
      <c r="BV169" s="5" t="s">
        <v>94</v>
      </c>
    </row>
    <row r="170" spans="1:74" x14ac:dyDescent="0.4">
      <c r="A170" s="4" t="s">
        <v>21</v>
      </c>
      <c r="B170" s="5" t="s">
        <v>22</v>
      </c>
      <c r="C170" s="4" t="s">
        <v>23</v>
      </c>
      <c r="D170" s="5" t="s">
        <v>24</v>
      </c>
      <c r="E170" s="4" t="s">
        <v>25</v>
      </c>
      <c r="F170" s="5" t="s">
        <v>26</v>
      </c>
      <c r="G170" s="4" t="s">
        <v>27</v>
      </c>
      <c r="H170" s="5" t="s">
        <v>28</v>
      </c>
      <c r="I170" s="4" t="s">
        <v>29</v>
      </c>
      <c r="J170" s="5" t="s">
        <v>30</v>
      </c>
      <c r="K170" s="4" t="s">
        <v>31</v>
      </c>
      <c r="L170" s="5" t="s">
        <v>32</v>
      </c>
      <c r="M170" s="4" t="s">
        <v>33</v>
      </c>
      <c r="N170" s="5" t="s">
        <v>34</v>
      </c>
      <c r="O170" s="4" t="s">
        <v>35</v>
      </c>
      <c r="P170" s="5" t="s">
        <v>36</v>
      </c>
      <c r="Q170" s="4" t="s">
        <v>37</v>
      </c>
      <c r="R170" s="5" t="s">
        <v>38</v>
      </c>
      <c r="S170" s="4" t="s">
        <v>39</v>
      </c>
      <c r="T170" s="5" t="s">
        <v>40</v>
      </c>
      <c r="U170" s="4" t="s">
        <v>41</v>
      </c>
      <c r="V170" s="5" t="s">
        <v>42</v>
      </c>
      <c r="W170" s="4" t="s">
        <v>43</v>
      </c>
      <c r="X170" s="5" t="s">
        <v>44</v>
      </c>
      <c r="Y170" s="4" t="s">
        <v>45</v>
      </c>
      <c r="Z170" s="5" t="s">
        <v>46</v>
      </c>
      <c r="AA170" s="4" t="s">
        <v>47</v>
      </c>
      <c r="AB170" s="5" t="s">
        <v>48</v>
      </c>
      <c r="AC170" s="4" t="s">
        <v>49</v>
      </c>
      <c r="AD170" s="5" t="s">
        <v>50</v>
      </c>
      <c r="AE170" s="4" t="s">
        <v>51</v>
      </c>
      <c r="AF170" s="5" t="s">
        <v>52</v>
      </c>
      <c r="AG170" s="4" t="s">
        <v>53</v>
      </c>
      <c r="AH170" s="5" t="s">
        <v>54</v>
      </c>
      <c r="AI170" s="4" t="s">
        <v>55</v>
      </c>
      <c r="AJ170" s="5" t="s">
        <v>56</v>
      </c>
      <c r="AK170" s="4" t="s">
        <v>57</v>
      </c>
      <c r="AL170" s="5" t="s">
        <v>58</v>
      </c>
      <c r="AM170" s="4" t="s">
        <v>59</v>
      </c>
      <c r="AN170" s="5" t="s">
        <v>60</v>
      </c>
      <c r="AO170" s="4" t="s">
        <v>61</v>
      </c>
      <c r="AP170" s="5" t="s">
        <v>62</v>
      </c>
      <c r="AQ170" s="4" t="s">
        <v>63</v>
      </c>
      <c r="AR170" s="5" t="s">
        <v>64</v>
      </c>
      <c r="AS170" s="4" t="s">
        <v>65</v>
      </c>
      <c r="AT170" s="5" t="s">
        <v>66</v>
      </c>
      <c r="AU170" s="4" t="s">
        <v>67</v>
      </c>
      <c r="AV170" s="5" t="s">
        <v>68</v>
      </c>
      <c r="AW170" s="4" t="s">
        <v>69</v>
      </c>
      <c r="AX170" s="5" t="s">
        <v>70</v>
      </c>
      <c r="AY170" s="4" t="s">
        <v>71</v>
      </c>
      <c r="AZ170" s="5" t="s">
        <v>72</v>
      </c>
      <c r="BA170" s="4" t="s">
        <v>73</v>
      </c>
      <c r="BB170" s="5" t="s">
        <v>74</v>
      </c>
      <c r="BC170" s="4" t="s">
        <v>75</v>
      </c>
      <c r="BD170" s="5" t="s">
        <v>76</v>
      </c>
      <c r="BE170" s="4" t="s">
        <v>77</v>
      </c>
      <c r="BF170" s="5" t="s">
        <v>78</v>
      </c>
      <c r="BG170" s="4" t="s">
        <v>79</v>
      </c>
      <c r="BH170" s="5" t="s">
        <v>80</v>
      </c>
      <c r="BI170" s="4" t="s">
        <v>81</v>
      </c>
      <c r="BJ170" s="5" t="s">
        <v>82</v>
      </c>
      <c r="BK170" s="4" t="s">
        <v>83</v>
      </c>
      <c r="BL170" s="5" t="s">
        <v>84</v>
      </c>
      <c r="BM170" s="4" t="s">
        <v>85</v>
      </c>
      <c r="BN170" s="5" t="s">
        <v>86</v>
      </c>
      <c r="BO170" s="4" t="s">
        <v>87</v>
      </c>
      <c r="BP170" s="5" t="s">
        <v>88</v>
      </c>
      <c r="BQ170" s="4" t="s">
        <v>89</v>
      </c>
      <c r="BR170" s="5" t="s">
        <v>90</v>
      </c>
      <c r="BS170" s="4" t="s">
        <v>91</v>
      </c>
      <c r="BT170" s="5" t="s">
        <v>92</v>
      </c>
      <c r="BU170" s="4" t="s">
        <v>93</v>
      </c>
      <c r="BV170" s="5" t="s">
        <v>94</v>
      </c>
    </row>
    <row r="171" spans="1:74" x14ac:dyDescent="0.4">
      <c r="A171" s="4" t="s">
        <v>21</v>
      </c>
      <c r="B171" s="5" t="s">
        <v>22</v>
      </c>
      <c r="C171" s="4" t="s">
        <v>23</v>
      </c>
      <c r="D171" s="5" t="s">
        <v>24</v>
      </c>
      <c r="E171" s="4" t="s">
        <v>25</v>
      </c>
      <c r="F171" s="5" t="s">
        <v>26</v>
      </c>
      <c r="G171" s="4" t="s">
        <v>27</v>
      </c>
      <c r="H171" s="5" t="s">
        <v>28</v>
      </c>
      <c r="I171" s="4" t="s">
        <v>29</v>
      </c>
      <c r="J171" s="5" t="s">
        <v>30</v>
      </c>
      <c r="K171" s="4" t="s">
        <v>31</v>
      </c>
      <c r="L171" s="5" t="s">
        <v>32</v>
      </c>
      <c r="M171" s="4" t="s">
        <v>33</v>
      </c>
      <c r="N171" s="5" t="s">
        <v>34</v>
      </c>
      <c r="O171" s="4" t="s">
        <v>35</v>
      </c>
      <c r="P171" s="5" t="s">
        <v>36</v>
      </c>
      <c r="Q171" s="4" t="s">
        <v>37</v>
      </c>
      <c r="R171" s="5" t="s">
        <v>38</v>
      </c>
      <c r="S171" s="4" t="s">
        <v>39</v>
      </c>
      <c r="T171" s="5" t="s">
        <v>40</v>
      </c>
      <c r="U171" s="4" t="s">
        <v>41</v>
      </c>
      <c r="V171" s="5" t="s">
        <v>42</v>
      </c>
      <c r="W171" s="4" t="s">
        <v>43</v>
      </c>
      <c r="X171" s="5" t="s">
        <v>44</v>
      </c>
      <c r="Y171" s="4" t="s">
        <v>45</v>
      </c>
      <c r="Z171" s="5" t="s">
        <v>46</v>
      </c>
      <c r="AA171" s="4" t="s">
        <v>47</v>
      </c>
      <c r="AB171" s="5" t="s">
        <v>48</v>
      </c>
      <c r="AC171" s="4" t="s">
        <v>49</v>
      </c>
      <c r="AD171" s="5" t="s">
        <v>50</v>
      </c>
      <c r="AE171" s="4" t="s">
        <v>51</v>
      </c>
      <c r="AF171" s="5" t="s">
        <v>52</v>
      </c>
      <c r="AG171" s="4" t="s">
        <v>53</v>
      </c>
      <c r="AH171" s="5" t="s">
        <v>54</v>
      </c>
      <c r="AI171" s="4" t="s">
        <v>55</v>
      </c>
      <c r="AJ171" s="5" t="s">
        <v>56</v>
      </c>
      <c r="AK171" s="4" t="s">
        <v>57</v>
      </c>
      <c r="AL171" s="5" t="s">
        <v>58</v>
      </c>
      <c r="AM171" s="4" t="s">
        <v>59</v>
      </c>
      <c r="AN171" s="5" t="s">
        <v>60</v>
      </c>
      <c r="AO171" s="4" t="s">
        <v>61</v>
      </c>
      <c r="AP171" s="5" t="s">
        <v>62</v>
      </c>
      <c r="AQ171" s="4" t="s">
        <v>63</v>
      </c>
      <c r="AR171" s="5" t="s">
        <v>64</v>
      </c>
      <c r="AS171" s="4" t="s">
        <v>65</v>
      </c>
      <c r="AT171" s="5" t="s">
        <v>66</v>
      </c>
      <c r="AU171" s="4" t="s">
        <v>67</v>
      </c>
      <c r="AV171" s="5" t="s">
        <v>68</v>
      </c>
      <c r="AW171" s="4" t="s">
        <v>69</v>
      </c>
      <c r="AX171" s="5" t="s">
        <v>70</v>
      </c>
      <c r="AY171" s="4" t="s">
        <v>71</v>
      </c>
      <c r="AZ171" s="5" t="s">
        <v>72</v>
      </c>
      <c r="BA171" s="4" t="s">
        <v>73</v>
      </c>
      <c r="BB171" s="5" t="s">
        <v>74</v>
      </c>
      <c r="BC171" s="4" t="s">
        <v>75</v>
      </c>
      <c r="BD171" s="5" t="s">
        <v>76</v>
      </c>
      <c r="BE171" s="4" t="s">
        <v>77</v>
      </c>
      <c r="BF171" s="5" t="s">
        <v>78</v>
      </c>
      <c r="BG171" s="4" t="s">
        <v>79</v>
      </c>
      <c r="BH171" s="5" t="s">
        <v>80</v>
      </c>
      <c r="BI171" s="4" t="s">
        <v>81</v>
      </c>
      <c r="BJ171" s="5" t="s">
        <v>82</v>
      </c>
      <c r="BK171" s="4" t="s">
        <v>83</v>
      </c>
      <c r="BL171" s="5" t="s">
        <v>84</v>
      </c>
      <c r="BM171" s="4" t="s">
        <v>85</v>
      </c>
      <c r="BN171" s="5" t="s">
        <v>86</v>
      </c>
      <c r="BO171" s="4" t="s">
        <v>87</v>
      </c>
      <c r="BP171" s="5" t="s">
        <v>88</v>
      </c>
      <c r="BQ171" s="4" t="s">
        <v>89</v>
      </c>
      <c r="BR171" s="5" t="s">
        <v>90</v>
      </c>
      <c r="BS171" s="4" t="s">
        <v>91</v>
      </c>
      <c r="BT171" s="5" t="s">
        <v>92</v>
      </c>
      <c r="BU171" s="4" t="s">
        <v>93</v>
      </c>
      <c r="BV171" s="5" t="s">
        <v>94</v>
      </c>
    </row>
    <row r="172" spans="1:74" x14ac:dyDescent="0.4">
      <c r="A172" s="4" t="s">
        <v>21</v>
      </c>
      <c r="B172" s="5" t="s">
        <v>22</v>
      </c>
      <c r="C172" s="4" t="s">
        <v>23</v>
      </c>
      <c r="D172" s="5" t="s">
        <v>24</v>
      </c>
      <c r="E172" s="4" t="s">
        <v>25</v>
      </c>
      <c r="F172" s="5" t="s">
        <v>26</v>
      </c>
      <c r="G172" s="4" t="s">
        <v>27</v>
      </c>
      <c r="H172" s="5" t="s">
        <v>28</v>
      </c>
      <c r="I172" s="4" t="s">
        <v>29</v>
      </c>
      <c r="J172" s="5" t="s">
        <v>30</v>
      </c>
      <c r="K172" s="4" t="s">
        <v>31</v>
      </c>
      <c r="L172" s="5" t="s">
        <v>32</v>
      </c>
      <c r="M172" s="4" t="s">
        <v>33</v>
      </c>
      <c r="N172" s="5" t="s">
        <v>34</v>
      </c>
      <c r="O172" s="4" t="s">
        <v>35</v>
      </c>
      <c r="P172" s="5" t="s">
        <v>36</v>
      </c>
      <c r="Q172" s="4" t="s">
        <v>37</v>
      </c>
      <c r="R172" s="5" t="s">
        <v>38</v>
      </c>
      <c r="S172" s="4" t="s">
        <v>39</v>
      </c>
      <c r="T172" s="5" t="s">
        <v>40</v>
      </c>
      <c r="U172" s="4" t="s">
        <v>41</v>
      </c>
      <c r="V172" s="5" t="s">
        <v>42</v>
      </c>
      <c r="W172" s="4" t="s">
        <v>43</v>
      </c>
      <c r="X172" s="5" t="s">
        <v>44</v>
      </c>
      <c r="Y172" s="4" t="s">
        <v>45</v>
      </c>
      <c r="Z172" s="5" t="s">
        <v>46</v>
      </c>
      <c r="AA172" s="4" t="s">
        <v>47</v>
      </c>
      <c r="AB172" s="5" t="s">
        <v>48</v>
      </c>
      <c r="AC172" s="4" t="s">
        <v>49</v>
      </c>
      <c r="AD172" s="5" t="s">
        <v>50</v>
      </c>
      <c r="AE172" s="4" t="s">
        <v>51</v>
      </c>
      <c r="AF172" s="5" t="s">
        <v>52</v>
      </c>
      <c r="AG172" s="4" t="s">
        <v>53</v>
      </c>
      <c r="AH172" s="5" t="s">
        <v>54</v>
      </c>
      <c r="AI172" s="4" t="s">
        <v>55</v>
      </c>
      <c r="AJ172" s="5" t="s">
        <v>56</v>
      </c>
      <c r="AK172" s="4" t="s">
        <v>57</v>
      </c>
      <c r="AL172" s="5" t="s">
        <v>58</v>
      </c>
      <c r="AM172" s="4" t="s">
        <v>59</v>
      </c>
      <c r="AN172" s="5" t="s">
        <v>60</v>
      </c>
      <c r="AO172" s="4" t="s">
        <v>61</v>
      </c>
      <c r="AP172" s="5" t="s">
        <v>62</v>
      </c>
      <c r="AQ172" s="4" t="s">
        <v>63</v>
      </c>
      <c r="AR172" s="5" t="s">
        <v>64</v>
      </c>
      <c r="AS172" s="4" t="s">
        <v>65</v>
      </c>
      <c r="AT172" s="5" t="s">
        <v>66</v>
      </c>
      <c r="AU172" s="4" t="s">
        <v>67</v>
      </c>
      <c r="AV172" s="5" t="s">
        <v>68</v>
      </c>
      <c r="AW172" s="4" t="s">
        <v>69</v>
      </c>
      <c r="AX172" s="5" t="s">
        <v>70</v>
      </c>
      <c r="AY172" s="4" t="s">
        <v>71</v>
      </c>
      <c r="AZ172" s="5" t="s">
        <v>72</v>
      </c>
      <c r="BA172" s="4" t="s">
        <v>73</v>
      </c>
      <c r="BB172" s="5" t="s">
        <v>74</v>
      </c>
      <c r="BC172" s="4" t="s">
        <v>75</v>
      </c>
      <c r="BD172" s="5" t="s">
        <v>76</v>
      </c>
      <c r="BE172" s="4" t="s">
        <v>77</v>
      </c>
      <c r="BF172" s="5" t="s">
        <v>78</v>
      </c>
      <c r="BG172" s="4" t="s">
        <v>79</v>
      </c>
      <c r="BH172" s="5" t="s">
        <v>80</v>
      </c>
      <c r="BI172" s="4" t="s">
        <v>81</v>
      </c>
      <c r="BJ172" s="5" t="s">
        <v>82</v>
      </c>
      <c r="BK172" s="4" t="s">
        <v>83</v>
      </c>
      <c r="BL172" s="5" t="s">
        <v>84</v>
      </c>
      <c r="BM172" s="4" t="s">
        <v>85</v>
      </c>
      <c r="BN172" s="5" t="s">
        <v>86</v>
      </c>
      <c r="BO172" s="4" t="s">
        <v>87</v>
      </c>
      <c r="BP172" s="5" t="s">
        <v>88</v>
      </c>
      <c r="BQ172" s="4" t="s">
        <v>89</v>
      </c>
      <c r="BR172" s="5" t="s">
        <v>90</v>
      </c>
      <c r="BS172" s="4" t="s">
        <v>91</v>
      </c>
      <c r="BT172" s="5" t="s">
        <v>92</v>
      </c>
      <c r="BU172" s="4" t="s">
        <v>93</v>
      </c>
      <c r="BV172" s="5" t="s">
        <v>94</v>
      </c>
    </row>
    <row r="173" spans="1:74" x14ac:dyDescent="0.4">
      <c r="A173" s="4" t="s">
        <v>21</v>
      </c>
      <c r="B173" s="5" t="s">
        <v>22</v>
      </c>
      <c r="C173" s="4" t="s">
        <v>23</v>
      </c>
      <c r="D173" s="5" t="s">
        <v>24</v>
      </c>
      <c r="E173" s="4" t="s">
        <v>25</v>
      </c>
      <c r="F173" s="5" t="s">
        <v>26</v>
      </c>
      <c r="G173" s="4" t="s">
        <v>27</v>
      </c>
      <c r="H173" s="5" t="s">
        <v>28</v>
      </c>
      <c r="I173" s="4" t="s">
        <v>29</v>
      </c>
      <c r="J173" s="5" t="s">
        <v>30</v>
      </c>
      <c r="K173" s="4" t="s">
        <v>31</v>
      </c>
      <c r="L173" s="5" t="s">
        <v>32</v>
      </c>
      <c r="M173" s="4" t="s">
        <v>33</v>
      </c>
      <c r="N173" s="5" t="s">
        <v>34</v>
      </c>
      <c r="O173" s="4" t="s">
        <v>35</v>
      </c>
      <c r="P173" s="5" t="s">
        <v>36</v>
      </c>
      <c r="Q173" s="4" t="s">
        <v>37</v>
      </c>
      <c r="R173" s="5" t="s">
        <v>38</v>
      </c>
      <c r="S173" s="4" t="s">
        <v>39</v>
      </c>
      <c r="T173" s="5" t="s">
        <v>40</v>
      </c>
      <c r="U173" s="4" t="s">
        <v>41</v>
      </c>
      <c r="V173" s="5" t="s">
        <v>42</v>
      </c>
      <c r="W173" s="4" t="s">
        <v>43</v>
      </c>
      <c r="X173" s="5" t="s">
        <v>44</v>
      </c>
      <c r="Y173" s="4" t="s">
        <v>45</v>
      </c>
      <c r="Z173" s="5" t="s">
        <v>46</v>
      </c>
      <c r="AA173" s="4" t="s">
        <v>47</v>
      </c>
      <c r="AB173" s="5" t="s">
        <v>48</v>
      </c>
      <c r="AC173" s="4" t="s">
        <v>49</v>
      </c>
      <c r="AD173" s="5" t="s">
        <v>50</v>
      </c>
      <c r="AE173" s="4" t="s">
        <v>51</v>
      </c>
      <c r="AF173" s="5" t="s">
        <v>52</v>
      </c>
      <c r="AG173" s="4" t="s">
        <v>53</v>
      </c>
      <c r="AH173" s="5" t="s">
        <v>54</v>
      </c>
      <c r="AI173" s="4" t="s">
        <v>55</v>
      </c>
      <c r="AJ173" s="5" t="s">
        <v>56</v>
      </c>
      <c r="AK173" s="4" t="s">
        <v>57</v>
      </c>
      <c r="AL173" s="5" t="s">
        <v>58</v>
      </c>
      <c r="AM173" s="4" t="s">
        <v>59</v>
      </c>
      <c r="AN173" s="5" t="s">
        <v>60</v>
      </c>
      <c r="AO173" s="4" t="s">
        <v>61</v>
      </c>
      <c r="AP173" s="5" t="s">
        <v>62</v>
      </c>
      <c r="AQ173" s="4" t="s">
        <v>63</v>
      </c>
      <c r="AR173" s="5" t="s">
        <v>64</v>
      </c>
      <c r="AS173" s="4" t="s">
        <v>65</v>
      </c>
      <c r="AT173" s="5" t="s">
        <v>66</v>
      </c>
      <c r="AU173" s="4" t="s">
        <v>67</v>
      </c>
      <c r="AV173" s="5" t="s">
        <v>68</v>
      </c>
      <c r="AW173" s="4" t="s">
        <v>69</v>
      </c>
      <c r="AX173" s="5" t="s">
        <v>70</v>
      </c>
      <c r="AY173" s="4" t="s">
        <v>71</v>
      </c>
      <c r="AZ173" s="5" t="s">
        <v>72</v>
      </c>
      <c r="BA173" s="4" t="s">
        <v>73</v>
      </c>
      <c r="BB173" s="5" t="s">
        <v>74</v>
      </c>
      <c r="BC173" s="4" t="s">
        <v>75</v>
      </c>
      <c r="BD173" s="5" t="s">
        <v>76</v>
      </c>
      <c r="BE173" s="4" t="s">
        <v>77</v>
      </c>
      <c r="BF173" s="5" t="s">
        <v>78</v>
      </c>
      <c r="BG173" s="4" t="s">
        <v>79</v>
      </c>
      <c r="BH173" s="5" t="s">
        <v>80</v>
      </c>
      <c r="BI173" s="4" t="s">
        <v>81</v>
      </c>
      <c r="BJ173" s="5" t="s">
        <v>82</v>
      </c>
      <c r="BK173" s="4" t="s">
        <v>83</v>
      </c>
      <c r="BL173" s="5" t="s">
        <v>84</v>
      </c>
      <c r="BM173" s="4" t="s">
        <v>85</v>
      </c>
      <c r="BN173" s="5" t="s">
        <v>86</v>
      </c>
      <c r="BO173" s="4" t="s">
        <v>87</v>
      </c>
      <c r="BP173" s="5" t="s">
        <v>88</v>
      </c>
      <c r="BQ173" s="4" t="s">
        <v>89</v>
      </c>
      <c r="BR173" s="5" t="s">
        <v>90</v>
      </c>
      <c r="BS173" s="4" t="s">
        <v>91</v>
      </c>
      <c r="BT173" s="5" t="s">
        <v>92</v>
      </c>
      <c r="BU173" s="4" t="s">
        <v>93</v>
      </c>
      <c r="BV173" s="5" t="s">
        <v>94</v>
      </c>
    </row>
    <row r="174" spans="1:74" x14ac:dyDescent="0.4">
      <c r="A174" s="4" t="s">
        <v>21</v>
      </c>
      <c r="B174" s="5" t="s">
        <v>22</v>
      </c>
      <c r="C174" s="4" t="s">
        <v>23</v>
      </c>
      <c r="D174" s="5" t="s">
        <v>24</v>
      </c>
      <c r="E174" s="4" t="s">
        <v>25</v>
      </c>
      <c r="F174" s="5" t="s">
        <v>26</v>
      </c>
      <c r="G174" s="4" t="s">
        <v>27</v>
      </c>
      <c r="H174" s="5" t="s">
        <v>28</v>
      </c>
      <c r="I174" s="4" t="s">
        <v>29</v>
      </c>
      <c r="J174" s="5" t="s">
        <v>30</v>
      </c>
      <c r="K174" s="4" t="s">
        <v>31</v>
      </c>
      <c r="L174" s="5" t="s">
        <v>32</v>
      </c>
      <c r="M174" s="4" t="s">
        <v>33</v>
      </c>
      <c r="N174" s="5" t="s">
        <v>34</v>
      </c>
      <c r="O174" s="4" t="s">
        <v>35</v>
      </c>
      <c r="P174" s="5" t="s">
        <v>36</v>
      </c>
      <c r="Q174" s="4" t="s">
        <v>37</v>
      </c>
      <c r="R174" s="5" t="s">
        <v>38</v>
      </c>
      <c r="S174" s="4" t="s">
        <v>39</v>
      </c>
      <c r="T174" s="5" t="s">
        <v>40</v>
      </c>
      <c r="U174" s="4" t="s">
        <v>41</v>
      </c>
      <c r="V174" s="5" t="s">
        <v>42</v>
      </c>
      <c r="W174" s="4" t="s">
        <v>43</v>
      </c>
      <c r="X174" s="5" t="s">
        <v>44</v>
      </c>
      <c r="Y174" s="4" t="s">
        <v>45</v>
      </c>
      <c r="Z174" s="5" t="s">
        <v>46</v>
      </c>
      <c r="AA174" s="4" t="s">
        <v>47</v>
      </c>
      <c r="AB174" s="5" t="s">
        <v>48</v>
      </c>
      <c r="AC174" s="4" t="s">
        <v>49</v>
      </c>
      <c r="AD174" s="5" t="s">
        <v>50</v>
      </c>
      <c r="AE174" s="4" t="s">
        <v>51</v>
      </c>
      <c r="AF174" s="5" t="s">
        <v>52</v>
      </c>
      <c r="AG174" s="4" t="s">
        <v>53</v>
      </c>
      <c r="AH174" s="5" t="s">
        <v>54</v>
      </c>
      <c r="AI174" s="4" t="s">
        <v>55</v>
      </c>
      <c r="AJ174" s="5" t="s">
        <v>56</v>
      </c>
      <c r="AK174" s="4" t="s">
        <v>57</v>
      </c>
      <c r="AL174" s="5" t="s">
        <v>58</v>
      </c>
      <c r="AM174" s="4" t="s">
        <v>59</v>
      </c>
      <c r="AN174" s="5" t="s">
        <v>60</v>
      </c>
      <c r="AO174" s="4" t="s">
        <v>61</v>
      </c>
      <c r="AP174" s="5" t="s">
        <v>62</v>
      </c>
      <c r="AQ174" s="4" t="s">
        <v>63</v>
      </c>
      <c r="AR174" s="5" t="s">
        <v>64</v>
      </c>
      <c r="AS174" s="4" t="s">
        <v>65</v>
      </c>
      <c r="AT174" s="5" t="s">
        <v>66</v>
      </c>
      <c r="AU174" s="4" t="s">
        <v>67</v>
      </c>
      <c r="AV174" s="5" t="s">
        <v>68</v>
      </c>
      <c r="AW174" s="4" t="s">
        <v>69</v>
      </c>
      <c r="AX174" s="5" t="s">
        <v>70</v>
      </c>
      <c r="AY174" s="4" t="s">
        <v>71</v>
      </c>
      <c r="AZ174" s="5" t="s">
        <v>72</v>
      </c>
      <c r="BA174" s="4" t="s">
        <v>73</v>
      </c>
      <c r="BB174" s="5" t="s">
        <v>74</v>
      </c>
      <c r="BC174" s="4" t="s">
        <v>75</v>
      </c>
      <c r="BD174" s="5" t="s">
        <v>76</v>
      </c>
      <c r="BE174" s="4" t="s">
        <v>77</v>
      </c>
      <c r="BF174" s="5" t="s">
        <v>78</v>
      </c>
      <c r="BG174" s="4" t="s">
        <v>79</v>
      </c>
      <c r="BH174" s="5" t="s">
        <v>80</v>
      </c>
      <c r="BI174" s="4" t="s">
        <v>81</v>
      </c>
      <c r="BJ174" s="5" t="s">
        <v>82</v>
      </c>
      <c r="BK174" s="4" t="s">
        <v>83</v>
      </c>
      <c r="BL174" s="5" t="s">
        <v>84</v>
      </c>
      <c r="BM174" s="4" t="s">
        <v>85</v>
      </c>
      <c r="BN174" s="5" t="s">
        <v>86</v>
      </c>
      <c r="BO174" s="4" t="s">
        <v>87</v>
      </c>
      <c r="BP174" s="5" t="s">
        <v>88</v>
      </c>
      <c r="BQ174" s="4" t="s">
        <v>89</v>
      </c>
      <c r="BR174" s="5" t="s">
        <v>90</v>
      </c>
      <c r="BS174" s="4" t="s">
        <v>91</v>
      </c>
      <c r="BT174" s="5" t="s">
        <v>92</v>
      </c>
      <c r="BU174" s="4" t="s">
        <v>93</v>
      </c>
      <c r="BV174" s="5" t="s">
        <v>94</v>
      </c>
    </row>
    <row r="175" spans="1:74" x14ac:dyDescent="0.4">
      <c r="A175" s="4" t="s">
        <v>21</v>
      </c>
      <c r="B175" s="5" t="s">
        <v>22</v>
      </c>
      <c r="C175" s="4" t="s">
        <v>23</v>
      </c>
      <c r="D175" s="5" t="s">
        <v>24</v>
      </c>
      <c r="E175" s="4" t="s">
        <v>25</v>
      </c>
      <c r="F175" s="5" t="s">
        <v>26</v>
      </c>
      <c r="G175" s="4" t="s">
        <v>27</v>
      </c>
      <c r="H175" s="5" t="s">
        <v>28</v>
      </c>
      <c r="I175" s="4" t="s">
        <v>29</v>
      </c>
      <c r="J175" s="5" t="s">
        <v>30</v>
      </c>
      <c r="K175" s="4" t="s">
        <v>31</v>
      </c>
      <c r="L175" s="5" t="s">
        <v>32</v>
      </c>
      <c r="M175" s="4" t="s">
        <v>33</v>
      </c>
      <c r="N175" s="5" t="s">
        <v>34</v>
      </c>
      <c r="O175" s="4" t="s">
        <v>35</v>
      </c>
      <c r="P175" s="5" t="s">
        <v>36</v>
      </c>
      <c r="Q175" s="4" t="s">
        <v>37</v>
      </c>
      <c r="R175" s="5" t="s">
        <v>38</v>
      </c>
      <c r="S175" s="4" t="s">
        <v>39</v>
      </c>
      <c r="T175" s="5" t="s">
        <v>40</v>
      </c>
      <c r="U175" s="4" t="s">
        <v>41</v>
      </c>
      <c r="V175" s="5" t="s">
        <v>42</v>
      </c>
      <c r="W175" s="4" t="s">
        <v>43</v>
      </c>
      <c r="X175" s="5" t="s">
        <v>44</v>
      </c>
      <c r="Y175" s="4" t="s">
        <v>45</v>
      </c>
      <c r="Z175" s="5" t="s">
        <v>46</v>
      </c>
      <c r="AA175" s="4" t="s">
        <v>47</v>
      </c>
      <c r="AB175" s="5" t="s">
        <v>48</v>
      </c>
      <c r="AC175" s="4" t="s">
        <v>49</v>
      </c>
      <c r="AD175" s="5" t="s">
        <v>50</v>
      </c>
      <c r="AE175" s="4" t="s">
        <v>51</v>
      </c>
      <c r="AF175" s="5" t="s">
        <v>52</v>
      </c>
      <c r="AG175" s="4" t="s">
        <v>53</v>
      </c>
      <c r="AH175" s="5" t="s">
        <v>54</v>
      </c>
      <c r="AI175" s="4" t="s">
        <v>55</v>
      </c>
      <c r="AJ175" s="5" t="s">
        <v>56</v>
      </c>
      <c r="AK175" s="4" t="s">
        <v>57</v>
      </c>
      <c r="AL175" s="5" t="s">
        <v>58</v>
      </c>
      <c r="AM175" s="4" t="s">
        <v>59</v>
      </c>
      <c r="AN175" s="5" t="s">
        <v>60</v>
      </c>
      <c r="AO175" s="4" t="s">
        <v>61</v>
      </c>
      <c r="AP175" s="5" t="s">
        <v>62</v>
      </c>
      <c r="AQ175" s="4" t="s">
        <v>63</v>
      </c>
      <c r="AR175" s="5" t="s">
        <v>64</v>
      </c>
      <c r="AS175" s="4" t="s">
        <v>65</v>
      </c>
      <c r="AT175" s="5" t="s">
        <v>66</v>
      </c>
      <c r="AU175" s="4" t="s">
        <v>67</v>
      </c>
      <c r="AV175" s="5" t="s">
        <v>68</v>
      </c>
      <c r="AW175" s="4" t="s">
        <v>69</v>
      </c>
      <c r="AX175" s="5" t="s">
        <v>70</v>
      </c>
      <c r="AY175" s="4" t="s">
        <v>71</v>
      </c>
      <c r="AZ175" s="5" t="s">
        <v>72</v>
      </c>
      <c r="BA175" s="4" t="s">
        <v>73</v>
      </c>
      <c r="BB175" s="5" t="s">
        <v>74</v>
      </c>
      <c r="BC175" s="4" t="s">
        <v>75</v>
      </c>
      <c r="BD175" s="5" t="s">
        <v>76</v>
      </c>
      <c r="BE175" s="4" t="s">
        <v>77</v>
      </c>
      <c r="BF175" s="5" t="s">
        <v>78</v>
      </c>
      <c r="BG175" s="4" t="s">
        <v>79</v>
      </c>
      <c r="BH175" s="5" t="s">
        <v>80</v>
      </c>
      <c r="BI175" s="4" t="s">
        <v>81</v>
      </c>
      <c r="BJ175" s="5" t="s">
        <v>82</v>
      </c>
      <c r="BK175" s="4" t="s">
        <v>83</v>
      </c>
      <c r="BL175" s="5" t="s">
        <v>84</v>
      </c>
      <c r="BM175" s="4" t="s">
        <v>85</v>
      </c>
      <c r="BN175" s="5" t="s">
        <v>86</v>
      </c>
      <c r="BO175" s="4" t="s">
        <v>87</v>
      </c>
      <c r="BP175" s="5" t="s">
        <v>88</v>
      </c>
      <c r="BQ175" s="4" t="s">
        <v>89</v>
      </c>
      <c r="BR175" s="5" t="s">
        <v>90</v>
      </c>
      <c r="BS175" s="4" t="s">
        <v>91</v>
      </c>
      <c r="BT175" s="5" t="s">
        <v>92</v>
      </c>
      <c r="BU175" s="4" t="s">
        <v>93</v>
      </c>
      <c r="BV175" s="5" t="s">
        <v>94</v>
      </c>
    </row>
    <row r="176" spans="1:74" x14ac:dyDescent="0.4">
      <c r="A176" s="4" t="s">
        <v>21</v>
      </c>
      <c r="B176" s="5" t="s">
        <v>22</v>
      </c>
      <c r="C176" s="4" t="s">
        <v>23</v>
      </c>
      <c r="D176" s="5" t="s">
        <v>24</v>
      </c>
      <c r="E176" s="4" t="s">
        <v>25</v>
      </c>
      <c r="F176" s="5" t="s">
        <v>26</v>
      </c>
      <c r="G176" s="4" t="s">
        <v>27</v>
      </c>
      <c r="H176" s="5" t="s">
        <v>28</v>
      </c>
      <c r="I176" s="4" t="s">
        <v>29</v>
      </c>
      <c r="J176" s="5" t="s">
        <v>30</v>
      </c>
      <c r="K176" s="4" t="s">
        <v>31</v>
      </c>
      <c r="L176" s="5" t="s">
        <v>32</v>
      </c>
      <c r="M176" s="4" t="s">
        <v>33</v>
      </c>
      <c r="N176" s="5" t="s">
        <v>34</v>
      </c>
      <c r="O176" s="4" t="s">
        <v>35</v>
      </c>
      <c r="P176" s="5" t="s">
        <v>36</v>
      </c>
      <c r="Q176" s="4" t="s">
        <v>37</v>
      </c>
      <c r="R176" s="5" t="s">
        <v>38</v>
      </c>
      <c r="S176" s="4" t="s">
        <v>39</v>
      </c>
      <c r="T176" s="5" t="s">
        <v>40</v>
      </c>
      <c r="U176" s="4" t="s">
        <v>41</v>
      </c>
      <c r="V176" s="5" t="s">
        <v>42</v>
      </c>
      <c r="W176" s="4" t="s">
        <v>43</v>
      </c>
      <c r="X176" s="5" t="s">
        <v>44</v>
      </c>
      <c r="Y176" s="4" t="s">
        <v>45</v>
      </c>
      <c r="Z176" s="5" t="s">
        <v>46</v>
      </c>
      <c r="AA176" s="4" t="s">
        <v>47</v>
      </c>
      <c r="AB176" s="5" t="s">
        <v>48</v>
      </c>
      <c r="AC176" s="4" t="s">
        <v>49</v>
      </c>
      <c r="AD176" s="5" t="s">
        <v>50</v>
      </c>
      <c r="AE176" s="4" t="s">
        <v>51</v>
      </c>
      <c r="AF176" s="5" t="s">
        <v>52</v>
      </c>
      <c r="AG176" s="4" t="s">
        <v>53</v>
      </c>
      <c r="AH176" s="5" t="s">
        <v>54</v>
      </c>
      <c r="AI176" s="4" t="s">
        <v>55</v>
      </c>
      <c r="AJ176" s="5" t="s">
        <v>56</v>
      </c>
      <c r="AK176" s="4" t="s">
        <v>57</v>
      </c>
      <c r="AL176" s="5" t="s">
        <v>58</v>
      </c>
      <c r="AM176" s="4" t="s">
        <v>59</v>
      </c>
      <c r="AN176" s="5" t="s">
        <v>60</v>
      </c>
      <c r="AO176" s="4" t="s">
        <v>61</v>
      </c>
      <c r="AP176" s="5" t="s">
        <v>62</v>
      </c>
      <c r="AQ176" s="4" t="s">
        <v>63</v>
      </c>
      <c r="AR176" s="5" t="s">
        <v>64</v>
      </c>
      <c r="AS176" s="4" t="s">
        <v>65</v>
      </c>
      <c r="AT176" s="5" t="s">
        <v>66</v>
      </c>
      <c r="AU176" s="4" t="s">
        <v>67</v>
      </c>
      <c r="AV176" s="5" t="s">
        <v>68</v>
      </c>
      <c r="AW176" s="4" t="s">
        <v>69</v>
      </c>
      <c r="AX176" s="5" t="s">
        <v>70</v>
      </c>
      <c r="AY176" s="4" t="s">
        <v>71</v>
      </c>
      <c r="AZ176" s="5" t="s">
        <v>72</v>
      </c>
      <c r="BA176" s="4" t="s">
        <v>73</v>
      </c>
      <c r="BB176" s="5" t="s">
        <v>74</v>
      </c>
      <c r="BC176" s="4" t="s">
        <v>75</v>
      </c>
      <c r="BD176" s="5" t="s">
        <v>76</v>
      </c>
      <c r="BE176" s="4" t="s">
        <v>77</v>
      </c>
      <c r="BF176" s="5" t="s">
        <v>78</v>
      </c>
      <c r="BG176" s="4" t="s">
        <v>79</v>
      </c>
      <c r="BH176" s="5" t="s">
        <v>80</v>
      </c>
      <c r="BI176" s="4" t="s">
        <v>81</v>
      </c>
      <c r="BJ176" s="5" t="s">
        <v>82</v>
      </c>
      <c r="BK176" s="4" t="s">
        <v>83</v>
      </c>
      <c r="BL176" s="5" t="s">
        <v>84</v>
      </c>
      <c r="BM176" s="4" t="s">
        <v>85</v>
      </c>
      <c r="BN176" s="5" t="s">
        <v>86</v>
      </c>
      <c r="BO176" s="4" t="s">
        <v>87</v>
      </c>
      <c r="BP176" s="5" t="s">
        <v>88</v>
      </c>
      <c r="BQ176" s="4" t="s">
        <v>89</v>
      </c>
      <c r="BR176" s="5" t="s">
        <v>90</v>
      </c>
      <c r="BS176" s="4" t="s">
        <v>91</v>
      </c>
      <c r="BT176" s="5" t="s">
        <v>92</v>
      </c>
      <c r="BU176" s="4" t="s">
        <v>93</v>
      </c>
      <c r="BV176" s="5" t="s">
        <v>94</v>
      </c>
    </row>
    <row r="177" spans="1:74" x14ac:dyDescent="0.4">
      <c r="A177" s="4" t="s">
        <v>21</v>
      </c>
      <c r="B177" s="5" t="s">
        <v>22</v>
      </c>
      <c r="C177" s="4" t="s">
        <v>23</v>
      </c>
      <c r="D177" s="5" t="s">
        <v>24</v>
      </c>
      <c r="E177" s="4" t="s">
        <v>25</v>
      </c>
      <c r="F177" s="5" t="s">
        <v>26</v>
      </c>
      <c r="G177" s="4" t="s">
        <v>27</v>
      </c>
      <c r="H177" s="5" t="s">
        <v>28</v>
      </c>
      <c r="I177" s="4" t="s">
        <v>29</v>
      </c>
      <c r="J177" s="5" t="s">
        <v>30</v>
      </c>
      <c r="K177" s="4" t="s">
        <v>31</v>
      </c>
      <c r="L177" s="5" t="s">
        <v>32</v>
      </c>
      <c r="M177" s="4" t="s">
        <v>33</v>
      </c>
      <c r="N177" s="5" t="s">
        <v>34</v>
      </c>
      <c r="O177" s="4" t="s">
        <v>35</v>
      </c>
      <c r="P177" s="5" t="s">
        <v>36</v>
      </c>
      <c r="Q177" s="4" t="s">
        <v>37</v>
      </c>
      <c r="R177" s="5" t="s">
        <v>38</v>
      </c>
      <c r="S177" s="4" t="s">
        <v>39</v>
      </c>
      <c r="T177" s="5" t="s">
        <v>40</v>
      </c>
      <c r="U177" s="4" t="s">
        <v>41</v>
      </c>
      <c r="V177" s="5" t="s">
        <v>42</v>
      </c>
      <c r="W177" s="4" t="s">
        <v>43</v>
      </c>
      <c r="X177" s="5" t="s">
        <v>44</v>
      </c>
      <c r="Y177" s="4" t="s">
        <v>45</v>
      </c>
      <c r="Z177" s="5" t="s">
        <v>46</v>
      </c>
      <c r="AA177" s="4" t="s">
        <v>47</v>
      </c>
      <c r="AB177" s="5" t="s">
        <v>48</v>
      </c>
      <c r="AC177" s="4" t="s">
        <v>49</v>
      </c>
      <c r="AD177" s="5" t="s">
        <v>50</v>
      </c>
      <c r="AE177" s="4" t="s">
        <v>51</v>
      </c>
      <c r="AF177" s="5" t="s">
        <v>52</v>
      </c>
      <c r="AG177" s="4" t="s">
        <v>53</v>
      </c>
      <c r="AH177" s="5" t="s">
        <v>54</v>
      </c>
      <c r="AI177" s="4" t="s">
        <v>55</v>
      </c>
      <c r="AJ177" s="5" t="s">
        <v>56</v>
      </c>
      <c r="AK177" s="4" t="s">
        <v>57</v>
      </c>
      <c r="AL177" s="5" t="s">
        <v>58</v>
      </c>
      <c r="AM177" s="4" t="s">
        <v>59</v>
      </c>
      <c r="AN177" s="5" t="s">
        <v>60</v>
      </c>
      <c r="AO177" s="4" t="s">
        <v>61</v>
      </c>
      <c r="AP177" s="5" t="s">
        <v>62</v>
      </c>
      <c r="AQ177" s="4" t="s">
        <v>63</v>
      </c>
      <c r="AR177" s="5" t="s">
        <v>64</v>
      </c>
      <c r="AS177" s="4" t="s">
        <v>65</v>
      </c>
      <c r="AT177" s="5" t="s">
        <v>66</v>
      </c>
      <c r="AU177" s="4" t="s">
        <v>67</v>
      </c>
      <c r="AV177" s="5" t="s">
        <v>68</v>
      </c>
      <c r="AW177" s="4" t="s">
        <v>69</v>
      </c>
      <c r="AX177" s="5" t="s">
        <v>70</v>
      </c>
      <c r="AY177" s="4" t="s">
        <v>71</v>
      </c>
      <c r="AZ177" s="5" t="s">
        <v>72</v>
      </c>
      <c r="BA177" s="4" t="s">
        <v>73</v>
      </c>
      <c r="BB177" s="5" t="s">
        <v>74</v>
      </c>
      <c r="BC177" s="4" t="s">
        <v>75</v>
      </c>
      <c r="BD177" s="5" t="s">
        <v>76</v>
      </c>
      <c r="BE177" s="4" t="s">
        <v>77</v>
      </c>
      <c r="BF177" s="5" t="s">
        <v>78</v>
      </c>
      <c r="BG177" s="4" t="s">
        <v>79</v>
      </c>
      <c r="BH177" s="5" t="s">
        <v>80</v>
      </c>
      <c r="BI177" s="4" t="s">
        <v>81</v>
      </c>
      <c r="BJ177" s="5" t="s">
        <v>82</v>
      </c>
      <c r="BK177" s="4" t="s">
        <v>83</v>
      </c>
      <c r="BL177" s="5" t="s">
        <v>84</v>
      </c>
      <c r="BM177" s="4" t="s">
        <v>85</v>
      </c>
      <c r="BN177" s="5" t="s">
        <v>86</v>
      </c>
      <c r="BO177" s="4" t="s">
        <v>87</v>
      </c>
      <c r="BP177" s="5" t="s">
        <v>88</v>
      </c>
      <c r="BQ177" s="4" t="s">
        <v>89</v>
      </c>
      <c r="BR177" s="5" t="s">
        <v>90</v>
      </c>
      <c r="BS177" s="4" t="s">
        <v>91</v>
      </c>
      <c r="BT177" s="5" t="s">
        <v>92</v>
      </c>
      <c r="BU177" s="4" t="s">
        <v>93</v>
      </c>
      <c r="BV177" s="5" t="s">
        <v>94</v>
      </c>
    </row>
    <row r="178" spans="1:74" x14ac:dyDescent="0.4">
      <c r="A178" s="4" t="s">
        <v>21</v>
      </c>
      <c r="B178" s="5" t="s">
        <v>22</v>
      </c>
      <c r="C178" s="4" t="s">
        <v>23</v>
      </c>
      <c r="D178" s="5" t="s">
        <v>24</v>
      </c>
      <c r="E178" s="4" t="s">
        <v>25</v>
      </c>
      <c r="F178" s="5" t="s">
        <v>26</v>
      </c>
      <c r="G178" s="4" t="s">
        <v>27</v>
      </c>
      <c r="H178" s="5" t="s">
        <v>28</v>
      </c>
      <c r="I178" s="4" t="s">
        <v>29</v>
      </c>
      <c r="J178" s="5" t="s">
        <v>30</v>
      </c>
      <c r="K178" s="4" t="s">
        <v>31</v>
      </c>
      <c r="L178" s="5" t="s">
        <v>32</v>
      </c>
      <c r="M178" s="4" t="s">
        <v>33</v>
      </c>
      <c r="N178" s="5" t="s">
        <v>34</v>
      </c>
      <c r="O178" s="4" t="s">
        <v>35</v>
      </c>
      <c r="P178" s="5" t="s">
        <v>36</v>
      </c>
      <c r="Q178" s="4" t="s">
        <v>37</v>
      </c>
      <c r="R178" s="5" t="s">
        <v>38</v>
      </c>
      <c r="S178" s="4" t="s">
        <v>39</v>
      </c>
      <c r="T178" s="5" t="s">
        <v>40</v>
      </c>
      <c r="U178" s="4" t="s">
        <v>41</v>
      </c>
      <c r="V178" s="5" t="s">
        <v>42</v>
      </c>
      <c r="W178" s="4" t="s">
        <v>43</v>
      </c>
      <c r="X178" s="5" t="s">
        <v>44</v>
      </c>
      <c r="Y178" s="4" t="s">
        <v>45</v>
      </c>
      <c r="Z178" s="5" t="s">
        <v>46</v>
      </c>
      <c r="AA178" s="4" t="s">
        <v>47</v>
      </c>
      <c r="AB178" s="5" t="s">
        <v>48</v>
      </c>
      <c r="AC178" s="4" t="s">
        <v>49</v>
      </c>
      <c r="AD178" s="5" t="s">
        <v>50</v>
      </c>
      <c r="AE178" s="4" t="s">
        <v>51</v>
      </c>
      <c r="AF178" s="5" t="s">
        <v>52</v>
      </c>
      <c r="AG178" s="4" t="s">
        <v>53</v>
      </c>
      <c r="AH178" s="5" t="s">
        <v>54</v>
      </c>
      <c r="AI178" s="4" t="s">
        <v>55</v>
      </c>
      <c r="AJ178" s="5" t="s">
        <v>56</v>
      </c>
      <c r="AK178" s="4" t="s">
        <v>57</v>
      </c>
      <c r="AL178" s="5" t="s">
        <v>58</v>
      </c>
      <c r="AM178" s="4" t="s">
        <v>59</v>
      </c>
      <c r="AN178" s="5" t="s">
        <v>60</v>
      </c>
      <c r="AO178" s="4" t="s">
        <v>61</v>
      </c>
      <c r="AP178" s="5" t="s">
        <v>62</v>
      </c>
      <c r="AQ178" s="4" t="s">
        <v>63</v>
      </c>
      <c r="AR178" s="5" t="s">
        <v>64</v>
      </c>
      <c r="AS178" s="4" t="s">
        <v>65</v>
      </c>
      <c r="AT178" s="5" t="s">
        <v>66</v>
      </c>
      <c r="AU178" s="4" t="s">
        <v>67</v>
      </c>
      <c r="AV178" s="5" t="s">
        <v>68</v>
      </c>
      <c r="AW178" s="4" t="s">
        <v>69</v>
      </c>
      <c r="AX178" s="5" t="s">
        <v>70</v>
      </c>
      <c r="AY178" s="4" t="s">
        <v>71</v>
      </c>
      <c r="AZ178" s="5" t="s">
        <v>72</v>
      </c>
      <c r="BA178" s="4" t="s">
        <v>73</v>
      </c>
      <c r="BB178" s="5" t="s">
        <v>74</v>
      </c>
      <c r="BC178" s="4" t="s">
        <v>75</v>
      </c>
      <c r="BD178" s="5" t="s">
        <v>76</v>
      </c>
      <c r="BE178" s="4" t="s">
        <v>77</v>
      </c>
      <c r="BF178" s="5" t="s">
        <v>78</v>
      </c>
      <c r="BG178" s="4" t="s">
        <v>79</v>
      </c>
      <c r="BH178" s="5" t="s">
        <v>80</v>
      </c>
      <c r="BI178" s="4" t="s">
        <v>81</v>
      </c>
      <c r="BJ178" s="5" t="s">
        <v>82</v>
      </c>
      <c r="BK178" s="4" t="s">
        <v>83</v>
      </c>
      <c r="BL178" s="5" t="s">
        <v>84</v>
      </c>
      <c r="BM178" s="4" t="s">
        <v>85</v>
      </c>
      <c r="BN178" s="5" t="s">
        <v>86</v>
      </c>
      <c r="BO178" s="4" t="s">
        <v>87</v>
      </c>
      <c r="BP178" s="5" t="s">
        <v>88</v>
      </c>
      <c r="BQ178" s="4" t="s">
        <v>89</v>
      </c>
      <c r="BR178" s="5" t="s">
        <v>90</v>
      </c>
      <c r="BS178" s="4" t="s">
        <v>91</v>
      </c>
      <c r="BT178" s="5" t="s">
        <v>92</v>
      </c>
      <c r="BU178" s="4" t="s">
        <v>93</v>
      </c>
      <c r="BV178" s="5" t="s">
        <v>94</v>
      </c>
    </row>
    <row r="179" spans="1:74" x14ac:dyDescent="0.4">
      <c r="A179" s="4" t="s">
        <v>21</v>
      </c>
      <c r="B179" s="5" t="s">
        <v>22</v>
      </c>
      <c r="C179" s="4" t="s">
        <v>23</v>
      </c>
      <c r="D179" s="5" t="s">
        <v>24</v>
      </c>
      <c r="E179" s="4" t="s">
        <v>25</v>
      </c>
      <c r="F179" s="5" t="s">
        <v>26</v>
      </c>
      <c r="G179" s="4" t="s">
        <v>27</v>
      </c>
      <c r="H179" s="5" t="s">
        <v>28</v>
      </c>
      <c r="I179" s="4" t="s">
        <v>29</v>
      </c>
      <c r="J179" s="5" t="s">
        <v>30</v>
      </c>
      <c r="K179" s="4" t="s">
        <v>31</v>
      </c>
      <c r="L179" s="5" t="s">
        <v>32</v>
      </c>
      <c r="M179" s="4" t="s">
        <v>33</v>
      </c>
      <c r="N179" s="5" t="s">
        <v>34</v>
      </c>
      <c r="O179" s="4" t="s">
        <v>35</v>
      </c>
      <c r="P179" s="5" t="s">
        <v>36</v>
      </c>
      <c r="Q179" s="4" t="s">
        <v>37</v>
      </c>
      <c r="R179" s="5" t="s">
        <v>38</v>
      </c>
      <c r="S179" s="4" t="s">
        <v>39</v>
      </c>
      <c r="T179" s="5" t="s">
        <v>40</v>
      </c>
      <c r="U179" s="4" t="s">
        <v>41</v>
      </c>
      <c r="V179" s="5" t="s">
        <v>42</v>
      </c>
      <c r="W179" s="4" t="s">
        <v>43</v>
      </c>
      <c r="X179" s="5" t="s">
        <v>44</v>
      </c>
      <c r="Y179" s="4" t="s">
        <v>45</v>
      </c>
      <c r="Z179" s="5" t="s">
        <v>46</v>
      </c>
      <c r="AA179" s="4" t="s">
        <v>47</v>
      </c>
      <c r="AB179" s="5" t="s">
        <v>48</v>
      </c>
      <c r="AC179" s="4" t="s">
        <v>49</v>
      </c>
      <c r="AD179" s="5" t="s">
        <v>50</v>
      </c>
      <c r="AE179" s="4" t="s">
        <v>51</v>
      </c>
      <c r="AF179" s="5" t="s">
        <v>52</v>
      </c>
      <c r="AG179" s="4" t="s">
        <v>53</v>
      </c>
      <c r="AH179" s="5" t="s">
        <v>54</v>
      </c>
      <c r="AI179" s="4" t="s">
        <v>55</v>
      </c>
      <c r="AJ179" s="5" t="s">
        <v>56</v>
      </c>
      <c r="AK179" s="4" t="s">
        <v>57</v>
      </c>
      <c r="AL179" s="5" t="s">
        <v>58</v>
      </c>
      <c r="AM179" s="4" t="s">
        <v>59</v>
      </c>
      <c r="AN179" s="5" t="s">
        <v>60</v>
      </c>
      <c r="AO179" s="4" t="s">
        <v>61</v>
      </c>
      <c r="AP179" s="5" t="s">
        <v>62</v>
      </c>
      <c r="AQ179" s="4" t="s">
        <v>63</v>
      </c>
      <c r="AR179" s="5" t="s">
        <v>64</v>
      </c>
      <c r="AS179" s="4" t="s">
        <v>65</v>
      </c>
      <c r="AT179" s="5" t="s">
        <v>66</v>
      </c>
      <c r="AU179" s="4" t="s">
        <v>67</v>
      </c>
      <c r="AV179" s="5" t="s">
        <v>68</v>
      </c>
      <c r="AW179" s="4" t="s">
        <v>69</v>
      </c>
      <c r="AX179" s="5" t="s">
        <v>70</v>
      </c>
      <c r="AY179" s="4" t="s">
        <v>71</v>
      </c>
      <c r="AZ179" s="5" t="s">
        <v>72</v>
      </c>
      <c r="BA179" s="4" t="s">
        <v>73</v>
      </c>
      <c r="BB179" s="5" t="s">
        <v>74</v>
      </c>
      <c r="BC179" s="4" t="s">
        <v>75</v>
      </c>
      <c r="BD179" s="5" t="s">
        <v>76</v>
      </c>
      <c r="BE179" s="4" t="s">
        <v>77</v>
      </c>
      <c r="BF179" s="5" t="s">
        <v>78</v>
      </c>
      <c r="BG179" s="4" t="s">
        <v>79</v>
      </c>
      <c r="BH179" s="5" t="s">
        <v>80</v>
      </c>
      <c r="BI179" s="4" t="s">
        <v>81</v>
      </c>
      <c r="BJ179" s="5" t="s">
        <v>82</v>
      </c>
      <c r="BK179" s="4" t="s">
        <v>83</v>
      </c>
      <c r="BL179" s="5" t="s">
        <v>84</v>
      </c>
      <c r="BM179" s="4" t="s">
        <v>85</v>
      </c>
      <c r="BN179" s="5" t="s">
        <v>86</v>
      </c>
      <c r="BO179" s="4" t="s">
        <v>87</v>
      </c>
      <c r="BP179" s="5" t="s">
        <v>88</v>
      </c>
      <c r="BQ179" s="4" t="s">
        <v>89</v>
      </c>
      <c r="BR179" s="5" t="s">
        <v>90</v>
      </c>
      <c r="BS179" s="4" t="s">
        <v>91</v>
      </c>
      <c r="BT179" s="5" t="s">
        <v>92</v>
      </c>
      <c r="BU179" s="4" t="s">
        <v>93</v>
      </c>
      <c r="BV179" s="5" t="s">
        <v>94</v>
      </c>
    </row>
    <row r="180" spans="1:74" x14ac:dyDescent="0.4">
      <c r="A180" s="4" t="s">
        <v>21</v>
      </c>
      <c r="B180" s="5" t="s">
        <v>22</v>
      </c>
      <c r="C180" s="4" t="s">
        <v>23</v>
      </c>
      <c r="D180" s="5" t="s">
        <v>24</v>
      </c>
      <c r="E180" s="4" t="s">
        <v>25</v>
      </c>
      <c r="F180" s="5" t="s">
        <v>26</v>
      </c>
      <c r="G180" s="4" t="s">
        <v>27</v>
      </c>
      <c r="H180" s="5" t="s">
        <v>28</v>
      </c>
      <c r="I180" s="4" t="s">
        <v>29</v>
      </c>
      <c r="J180" s="5" t="s">
        <v>30</v>
      </c>
      <c r="K180" s="4" t="s">
        <v>31</v>
      </c>
      <c r="L180" s="5" t="s">
        <v>32</v>
      </c>
      <c r="M180" s="4" t="s">
        <v>33</v>
      </c>
      <c r="N180" s="5" t="s">
        <v>34</v>
      </c>
      <c r="O180" s="4" t="s">
        <v>35</v>
      </c>
      <c r="P180" s="5" t="s">
        <v>36</v>
      </c>
      <c r="Q180" s="4" t="s">
        <v>37</v>
      </c>
      <c r="R180" s="5" t="s">
        <v>38</v>
      </c>
      <c r="S180" s="4" t="s">
        <v>39</v>
      </c>
      <c r="T180" s="5" t="s">
        <v>40</v>
      </c>
      <c r="U180" s="4" t="s">
        <v>41</v>
      </c>
      <c r="V180" s="5" t="s">
        <v>42</v>
      </c>
      <c r="W180" s="4" t="s">
        <v>43</v>
      </c>
      <c r="X180" s="5" t="s">
        <v>44</v>
      </c>
      <c r="Y180" s="4" t="s">
        <v>45</v>
      </c>
      <c r="Z180" s="5" t="s">
        <v>46</v>
      </c>
      <c r="AA180" s="4" t="s">
        <v>47</v>
      </c>
      <c r="AB180" s="5" t="s">
        <v>48</v>
      </c>
      <c r="AC180" s="4" t="s">
        <v>49</v>
      </c>
      <c r="AD180" s="5" t="s">
        <v>50</v>
      </c>
      <c r="AE180" s="4" t="s">
        <v>51</v>
      </c>
      <c r="AF180" s="5" t="s">
        <v>52</v>
      </c>
      <c r="AG180" s="4" t="s">
        <v>53</v>
      </c>
      <c r="AH180" s="5" t="s">
        <v>54</v>
      </c>
      <c r="AI180" s="4" t="s">
        <v>55</v>
      </c>
      <c r="AJ180" s="5" t="s">
        <v>56</v>
      </c>
      <c r="AK180" s="4" t="s">
        <v>57</v>
      </c>
      <c r="AL180" s="5" t="s">
        <v>58</v>
      </c>
      <c r="AM180" s="4" t="s">
        <v>59</v>
      </c>
      <c r="AN180" s="5" t="s">
        <v>60</v>
      </c>
      <c r="AO180" s="4" t="s">
        <v>61</v>
      </c>
      <c r="AP180" s="5" t="s">
        <v>62</v>
      </c>
      <c r="AQ180" s="4" t="s">
        <v>63</v>
      </c>
      <c r="AR180" s="5" t="s">
        <v>64</v>
      </c>
      <c r="AS180" s="4" t="s">
        <v>65</v>
      </c>
      <c r="AT180" s="5" t="s">
        <v>66</v>
      </c>
      <c r="AU180" s="4" t="s">
        <v>67</v>
      </c>
      <c r="AV180" s="5" t="s">
        <v>68</v>
      </c>
      <c r="AW180" s="4" t="s">
        <v>69</v>
      </c>
      <c r="AX180" s="5" t="s">
        <v>70</v>
      </c>
      <c r="AY180" s="4" t="s">
        <v>71</v>
      </c>
      <c r="AZ180" s="5" t="s">
        <v>72</v>
      </c>
      <c r="BA180" s="4" t="s">
        <v>73</v>
      </c>
      <c r="BB180" s="5" t="s">
        <v>74</v>
      </c>
      <c r="BC180" s="4" t="s">
        <v>75</v>
      </c>
      <c r="BD180" s="5" t="s">
        <v>76</v>
      </c>
      <c r="BE180" s="4" t="s">
        <v>77</v>
      </c>
      <c r="BF180" s="5" t="s">
        <v>78</v>
      </c>
      <c r="BG180" s="4" t="s">
        <v>79</v>
      </c>
      <c r="BH180" s="5" t="s">
        <v>80</v>
      </c>
      <c r="BI180" s="4" t="s">
        <v>81</v>
      </c>
      <c r="BJ180" s="5" t="s">
        <v>82</v>
      </c>
      <c r="BK180" s="4" t="s">
        <v>83</v>
      </c>
      <c r="BL180" s="5" t="s">
        <v>84</v>
      </c>
      <c r="BM180" s="4" t="s">
        <v>85</v>
      </c>
      <c r="BN180" s="5" t="s">
        <v>86</v>
      </c>
      <c r="BO180" s="4" t="s">
        <v>87</v>
      </c>
      <c r="BP180" s="5" t="s">
        <v>88</v>
      </c>
      <c r="BQ180" s="4" t="s">
        <v>89</v>
      </c>
      <c r="BR180" s="5" t="s">
        <v>90</v>
      </c>
      <c r="BS180" s="4" t="s">
        <v>91</v>
      </c>
      <c r="BT180" s="5" t="s">
        <v>92</v>
      </c>
      <c r="BU180" s="4" t="s">
        <v>93</v>
      </c>
      <c r="BV180" s="5" t="s">
        <v>94</v>
      </c>
    </row>
    <row r="181" spans="1:74" x14ac:dyDescent="0.4">
      <c r="A181" s="4" t="s">
        <v>21</v>
      </c>
      <c r="B181" s="5" t="s">
        <v>22</v>
      </c>
      <c r="C181" s="4" t="s">
        <v>23</v>
      </c>
      <c r="D181" s="5" t="s">
        <v>24</v>
      </c>
      <c r="E181" s="4" t="s">
        <v>25</v>
      </c>
      <c r="F181" s="5" t="s">
        <v>26</v>
      </c>
      <c r="G181" s="4" t="s">
        <v>27</v>
      </c>
      <c r="H181" s="5" t="s">
        <v>28</v>
      </c>
      <c r="I181" s="4" t="s">
        <v>29</v>
      </c>
      <c r="J181" s="5" t="s">
        <v>30</v>
      </c>
      <c r="K181" s="4" t="s">
        <v>31</v>
      </c>
      <c r="L181" s="5" t="s">
        <v>32</v>
      </c>
      <c r="M181" s="4" t="s">
        <v>33</v>
      </c>
      <c r="N181" s="5" t="s">
        <v>34</v>
      </c>
      <c r="O181" s="4" t="s">
        <v>35</v>
      </c>
      <c r="P181" s="5" t="s">
        <v>36</v>
      </c>
      <c r="Q181" s="4" t="s">
        <v>37</v>
      </c>
      <c r="R181" s="5" t="s">
        <v>38</v>
      </c>
      <c r="S181" s="4" t="s">
        <v>39</v>
      </c>
      <c r="T181" s="5" t="s">
        <v>40</v>
      </c>
      <c r="U181" s="4" t="s">
        <v>41</v>
      </c>
      <c r="V181" s="5" t="s">
        <v>42</v>
      </c>
      <c r="W181" s="4" t="s">
        <v>43</v>
      </c>
      <c r="X181" s="5" t="s">
        <v>44</v>
      </c>
      <c r="Y181" s="4" t="s">
        <v>45</v>
      </c>
      <c r="Z181" s="5" t="s">
        <v>46</v>
      </c>
      <c r="AA181" s="4" t="s">
        <v>47</v>
      </c>
      <c r="AB181" s="5" t="s">
        <v>48</v>
      </c>
      <c r="AC181" s="4" t="s">
        <v>49</v>
      </c>
      <c r="AD181" s="5" t="s">
        <v>50</v>
      </c>
      <c r="AE181" s="4" t="s">
        <v>51</v>
      </c>
      <c r="AF181" s="5" t="s">
        <v>52</v>
      </c>
      <c r="AG181" s="4" t="s">
        <v>53</v>
      </c>
      <c r="AH181" s="5" t="s">
        <v>54</v>
      </c>
      <c r="AI181" s="4" t="s">
        <v>55</v>
      </c>
      <c r="AJ181" s="5" t="s">
        <v>56</v>
      </c>
      <c r="AK181" s="4" t="s">
        <v>57</v>
      </c>
      <c r="AL181" s="5" t="s">
        <v>58</v>
      </c>
      <c r="AM181" s="4" t="s">
        <v>59</v>
      </c>
      <c r="AN181" s="5" t="s">
        <v>60</v>
      </c>
      <c r="AO181" s="4" t="s">
        <v>61</v>
      </c>
      <c r="AP181" s="5" t="s">
        <v>62</v>
      </c>
      <c r="AQ181" s="4" t="s">
        <v>63</v>
      </c>
      <c r="AR181" s="5" t="s">
        <v>64</v>
      </c>
      <c r="AS181" s="4" t="s">
        <v>65</v>
      </c>
      <c r="AT181" s="5" t="s">
        <v>66</v>
      </c>
      <c r="AU181" s="4" t="s">
        <v>67</v>
      </c>
      <c r="AV181" s="5" t="s">
        <v>68</v>
      </c>
      <c r="AW181" s="4" t="s">
        <v>69</v>
      </c>
      <c r="AX181" s="5" t="s">
        <v>70</v>
      </c>
      <c r="AY181" s="4" t="s">
        <v>71</v>
      </c>
      <c r="AZ181" s="5" t="s">
        <v>72</v>
      </c>
      <c r="BA181" s="4" t="s">
        <v>73</v>
      </c>
      <c r="BB181" s="5" t="s">
        <v>74</v>
      </c>
      <c r="BC181" s="4" t="s">
        <v>75</v>
      </c>
      <c r="BD181" s="5" t="s">
        <v>76</v>
      </c>
      <c r="BE181" s="4" t="s">
        <v>77</v>
      </c>
      <c r="BF181" s="5" t="s">
        <v>78</v>
      </c>
      <c r="BG181" s="4" t="s">
        <v>79</v>
      </c>
      <c r="BH181" s="5" t="s">
        <v>80</v>
      </c>
      <c r="BI181" s="4" t="s">
        <v>81</v>
      </c>
      <c r="BJ181" s="5" t="s">
        <v>82</v>
      </c>
      <c r="BK181" s="4" t="s">
        <v>83</v>
      </c>
      <c r="BL181" s="5" t="s">
        <v>84</v>
      </c>
      <c r="BM181" s="4" t="s">
        <v>85</v>
      </c>
      <c r="BN181" s="5" t="s">
        <v>86</v>
      </c>
      <c r="BO181" s="4" t="s">
        <v>87</v>
      </c>
      <c r="BP181" s="5" t="s">
        <v>88</v>
      </c>
      <c r="BQ181" s="4" t="s">
        <v>89</v>
      </c>
      <c r="BR181" s="5" t="s">
        <v>90</v>
      </c>
      <c r="BS181" s="4" t="s">
        <v>91</v>
      </c>
      <c r="BT181" s="5" t="s">
        <v>92</v>
      </c>
      <c r="BU181" s="4" t="s">
        <v>93</v>
      </c>
      <c r="BV181" s="5" t="s">
        <v>94</v>
      </c>
    </row>
    <row r="182" spans="1:74" x14ac:dyDescent="0.4">
      <c r="A182" s="4" t="s">
        <v>21</v>
      </c>
      <c r="B182" s="5" t="s">
        <v>22</v>
      </c>
      <c r="C182" s="4" t="s">
        <v>23</v>
      </c>
      <c r="D182" s="5" t="s">
        <v>24</v>
      </c>
      <c r="E182" s="4" t="s">
        <v>25</v>
      </c>
      <c r="F182" s="5" t="s">
        <v>26</v>
      </c>
      <c r="G182" s="4" t="s">
        <v>27</v>
      </c>
      <c r="H182" s="5" t="s">
        <v>28</v>
      </c>
      <c r="I182" s="4" t="s">
        <v>29</v>
      </c>
      <c r="J182" s="5" t="s">
        <v>30</v>
      </c>
      <c r="K182" s="4" t="s">
        <v>31</v>
      </c>
      <c r="L182" s="5" t="s">
        <v>32</v>
      </c>
      <c r="M182" s="4" t="s">
        <v>33</v>
      </c>
      <c r="N182" s="5" t="s">
        <v>34</v>
      </c>
      <c r="O182" s="4" t="s">
        <v>35</v>
      </c>
      <c r="P182" s="5" t="s">
        <v>36</v>
      </c>
      <c r="Q182" s="4" t="s">
        <v>37</v>
      </c>
      <c r="R182" s="5" t="s">
        <v>38</v>
      </c>
      <c r="S182" s="4" t="s">
        <v>39</v>
      </c>
      <c r="T182" s="5" t="s">
        <v>40</v>
      </c>
      <c r="U182" s="4" t="s">
        <v>41</v>
      </c>
      <c r="V182" s="5" t="s">
        <v>42</v>
      </c>
      <c r="W182" s="4" t="s">
        <v>43</v>
      </c>
      <c r="X182" s="5" t="s">
        <v>44</v>
      </c>
      <c r="Y182" s="4" t="s">
        <v>45</v>
      </c>
      <c r="Z182" s="5" t="s">
        <v>46</v>
      </c>
      <c r="AA182" s="4" t="s">
        <v>47</v>
      </c>
      <c r="AB182" s="5" t="s">
        <v>48</v>
      </c>
      <c r="AC182" s="4" t="s">
        <v>49</v>
      </c>
      <c r="AD182" s="5" t="s">
        <v>50</v>
      </c>
      <c r="AE182" s="4" t="s">
        <v>51</v>
      </c>
      <c r="AF182" s="5" t="s">
        <v>52</v>
      </c>
      <c r="AG182" s="4" t="s">
        <v>53</v>
      </c>
      <c r="AH182" s="5" t="s">
        <v>54</v>
      </c>
      <c r="AI182" s="4" t="s">
        <v>55</v>
      </c>
      <c r="AJ182" s="5" t="s">
        <v>56</v>
      </c>
      <c r="AK182" s="4" t="s">
        <v>57</v>
      </c>
      <c r="AL182" s="5" t="s">
        <v>58</v>
      </c>
      <c r="AM182" s="4" t="s">
        <v>59</v>
      </c>
      <c r="AN182" s="5" t="s">
        <v>60</v>
      </c>
      <c r="AO182" s="4" t="s">
        <v>61</v>
      </c>
      <c r="AP182" s="5" t="s">
        <v>62</v>
      </c>
      <c r="AQ182" s="4" t="s">
        <v>63</v>
      </c>
      <c r="AR182" s="5" t="s">
        <v>64</v>
      </c>
      <c r="AS182" s="4" t="s">
        <v>65</v>
      </c>
      <c r="AT182" s="5" t="s">
        <v>66</v>
      </c>
      <c r="AU182" s="4" t="s">
        <v>67</v>
      </c>
      <c r="AV182" s="5" t="s">
        <v>68</v>
      </c>
      <c r="AW182" s="4" t="s">
        <v>69</v>
      </c>
      <c r="AX182" s="5" t="s">
        <v>70</v>
      </c>
      <c r="AY182" s="4" t="s">
        <v>71</v>
      </c>
      <c r="AZ182" s="5" t="s">
        <v>72</v>
      </c>
      <c r="BA182" s="4" t="s">
        <v>73</v>
      </c>
      <c r="BB182" s="5" t="s">
        <v>74</v>
      </c>
      <c r="BC182" s="4" t="s">
        <v>75</v>
      </c>
      <c r="BD182" s="5" t="s">
        <v>76</v>
      </c>
      <c r="BE182" s="4" t="s">
        <v>77</v>
      </c>
      <c r="BF182" s="5" t="s">
        <v>78</v>
      </c>
      <c r="BG182" s="4" t="s">
        <v>79</v>
      </c>
      <c r="BH182" s="5" t="s">
        <v>80</v>
      </c>
      <c r="BI182" s="4" t="s">
        <v>81</v>
      </c>
      <c r="BJ182" s="5" t="s">
        <v>82</v>
      </c>
      <c r="BK182" s="4" t="s">
        <v>83</v>
      </c>
      <c r="BL182" s="5" t="s">
        <v>84</v>
      </c>
      <c r="BM182" s="4" t="s">
        <v>85</v>
      </c>
      <c r="BN182" s="5" t="s">
        <v>86</v>
      </c>
      <c r="BO182" s="4" t="s">
        <v>87</v>
      </c>
      <c r="BP182" s="5" t="s">
        <v>88</v>
      </c>
      <c r="BQ182" s="4" t="s">
        <v>89</v>
      </c>
      <c r="BR182" s="5" t="s">
        <v>90</v>
      </c>
      <c r="BS182" s="4" t="s">
        <v>91</v>
      </c>
      <c r="BT182" s="5" t="s">
        <v>92</v>
      </c>
      <c r="BU182" s="4" t="s">
        <v>93</v>
      </c>
      <c r="BV182" s="5" t="s">
        <v>94</v>
      </c>
    </row>
    <row r="183" spans="1:74" x14ac:dyDescent="0.4">
      <c r="A183" s="4" t="s">
        <v>21</v>
      </c>
      <c r="B183" s="5" t="s">
        <v>22</v>
      </c>
      <c r="C183" s="4" t="s">
        <v>23</v>
      </c>
      <c r="D183" s="5" t="s">
        <v>24</v>
      </c>
      <c r="E183" s="4" t="s">
        <v>25</v>
      </c>
      <c r="F183" s="5" t="s">
        <v>26</v>
      </c>
      <c r="G183" s="4" t="s">
        <v>27</v>
      </c>
      <c r="H183" s="5" t="s">
        <v>28</v>
      </c>
      <c r="I183" s="4" t="s">
        <v>29</v>
      </c>
      <c r="J183" s="5" t="s">
        <v>30</v>
      </c>
      <c r="K183" s="4" t="s">
        <v>31</v>
      </c>
      <c r="L183" s="5" t="s">
        <v>32</v>
      </c>
      <c r="M183" s="4" t="s">
        <v>33</v>
      </c>
      <c r="N183" s="5" t="s">
        <v>34</v>
      </c>
      <c r="O183" s="4" t="s">
        <v>35</v>
      </c>
      <c r="P183" s="5" t="s">
        <v>36</v>
      </c>
      <c r="Q183" s="4" t="s">
        <v>37</v>
      </c>
      <c r="R183" s="5" t="s">
        <v>38</v>
      </c>
      <c r="S183" s="4" t="s">
        <v>39</v>
      </c>
      <c r="T183" s="5" t="s">
        <v>40</v>
      </c>
      <c r="U183" s="4" t="s">
        <v>41</v>
      </c>
      <c r="V183" s="5" t="s">
        <v>42</v>
      </c>
      <c r="W183" s="4" t="s">
        <v>43</v>
      </c>
      <c r="X183" s="5" t="s">
        <v>44</v>
      </c>
      <c r="Y183" s="4" t="s">
        <v>45</v>
      </c>
      <c r="Z183" s="5" t="s">
        <v>46</v>
      </c>
      <c r="AA183" s="4" t="s">
        <v>47</v>
      </c>
      <c r="AB183" s="5" t="s">
        <v>48</v>
      </c>
      <c r="AC183" s="4" t="s">
        <v>49</v>
      </c>
      <c r="AD183" s="5" t="s">
        <v>50</v>
      </c>
      <c r="AE183" s="4" t="s">
        <v>51</v>
      </c>
      <c r="AF183" s="5" t="s">
        <v>52</v>
      </c>
      <c r="AG183" s="4" t="s">
        <v>53</v>
      </c>
      <c r="AH183" s="5" t="s">
        <v>54</v>
      </c>
      <c r="AI183" s="4" t="s">
        <v>55</v>
      </c>
      <c r="AJ183" s="5" t="s">
        <v>56</v>
      </c>
      <c r="AK183" s="4" t="s">
        <v>57</v>
      </c>
      <c r="AL183" s="5" t="s">
        <v>58</v>
      </c>
      <c r="AM183" s="4" t="s">
        <v>59</v>
      </c>
      <c r="AN183" s="5" t="s">
        <v>60</v>
      </c>
      <c r="AO183" s="4" t="s">
        <v>61</v>
      </c>
      <c r="AP183" s="5" t="s">
        <v>62</v>
      </c>
      <c r="AQ183" s="4" t="s">
        <v>63</v>
      </c>
      <c r="AR183" s="5" t="s">
        <v>64</v>
      </c>
      <c r="AS183" s="4" t="s">
        <v>65</v>
      </c>
      <c r="AT183" s="5" t="s">
        <v>66</v>
      </c>
      <c r="AU183" s="4" t="s">
        <v>67</v>
      </c>
      <c r="AV183" s="5" t="s">
        <v>68</v>
      </c>
      <c r="AW183" s="4" t="s">
        <v>69</v>
      </c>
      <c r="AX183" s="5" t="s">
        <v>70</v>
      </c>
      <c r="AY183" s="4" t="s">
        <v>71</v>
      </c>
      <c r="AZ183" s="5" t="s">
        <v>72</v>
      </c>
      <c r="BA183" s="4" t="s">
        <v>73</v>
      </c>
      <c r="BB183" s="5" t="s">
        <v>74</v>
      </c>
      <c r="BC183" s="4" t="s">
        <v>75</v>
      </c>
      <c r="BD183" s="5" t="s">
        <v>76</v>
      </c>
      <c r="BE183" s="4" t="s">
        <v>77</v>
      </c>
      <c r="BF183" s="5" t="s">
        <v>78</v>
      </c>
      <c r="BG183" s="4" t="s">
        <v>79</v>
      </c>
      <c r="BH183" s="5" t="s">
        <v>80</v>
      </c>
      <c r="BI183" s="4" t="s">
        <v>81</v>
      </c>
      <c r="BJ183" s="5" t="s">
        <v>82</v>
      </c>
      <c r="BK183" s="4" t="s">
        <v>83</v>
      </c>
      <c r="BL183" s="5" t="s">
        <v>84</v>
      </c>
      <c r="BM183" s="4" t="s">
        <v>85</v>
      </c>
      <c r="BN183" s="5" t="s">
        <v>86</v>
      </c>
      <c r="BO183" s="4" t="s">
        <v>87</v>
      </c>
      <c r="BP183" s="5" t="s">
        <v>88</v>
      </c>
      <c r="BQ183" s="4" t="s">
        <v>89</v>
      </c>
      <c r="BR183" s="5" t="s">
        <v>90</v>
      </c>
      <c r="BS183" s="4" t="s">
        <v>91</v>
      </c>
      <c r="BT183" s="5" t="s">
        <v>92</v>
      </c>
      <c r="BU183" s="4" t="s">
        <v>93</v>
      </c>
      <c r="BV183" s="5" t="s">
        <v>94</v>
      </c>
    </row>
    <row r="184" spans="1:74" x14ac:dyDescent="0.4">
      <c r="A184" s="4" t="s">
        <v>21</v>
      </c>
      <c r="B184" s="5" t="s">
        <v>22</v>
      </c>
      <c r="C184" s="4" t="s">
        <v>23</v>
      </c>
      <c r="D184" s="5" t="s">
        <v>24</v>
      </c>
      <c r="E184" s="4" t="s">
        <v>25</v>
      </c>
      <c r="F184" s="5" t="s">
        <v>26</v>
      </c>
      <c r="G184" s="4" t="s">
        <v>27</v>
      </c>
      <c r="H184" s="5" t="s">
        <v>28</v>
      </c>
      <c r="I184" s="4" t="s">
        <v>29</v>
      </c>
      <c r="J184" s="5" t="s">
        <v>30</v>
      </c>
      <c r="K184" s="4" t="s">
        <v>31</v>
      </c>
      <c r="L184" s="5" t="s">
        <v>32</v>
      </c>
      <c r="M184" s="4" t="s">
        <v>33</v>
      </c>
      <c r="N184" s="5" t="s">
        <v>34</v>
      </c>
      <c r="O184" s="4" t="s">
        <v>35</v>
      </c>
      <c r="P184" s="5" t="s">
        <v>36</v>
      </c>
      <c r="Q184" s="4" t="s">
        <v>37</v>
      </c>
      <c r="R184" s="5" t="s">
        <v>38</v>
      </c>
      <c r="S184" s="4" t="s">
        <v>39</v>
      </c>
      <c r="T184" s="5" t="s">
        <v>40</v>
      </c>
      <c r="U184" s="4" t="s">
        <v>41</v>
      </c>
      <c r="V184" s="5" t="s">
        <v>42</v>
      </c>
      <c r="W184" s="4" t="s">
        <v>43</v>
      </c>
      <c r="X184" s="5" t="s">
        <v>44</v>
      </c>
      <c r="Y184" s="4" t="s">
        <v>45</v>
      </c>
      <c r="Z184" s="5" t="s">
        <v>46</v>
      </c>
      <c r="AA184" s="4" t="s">
        <v>47</v>
      </c>
      <c r="AB184" s="5" t="s">
        <v>48</v>
      </c>
      <c r="AC184" s="4" t="s">
        <v>49</v>
      </c>
      <c r="AD184" s="5" t="s">
        <v>50</v>
      </c>
      <c r="AE184" s="4" t="s">
        <v>51</v>
      </c>
      <c r="AF184" s="5" t="s">
        <v>52</v>
      </c>
      <c r="AG184" s="4" t="s">
        <v>53</v>
      </c>
      <c r="AH184" s="5" t="s">
        <v>54</v>
      </c>
      <c r="AI184" s="4" t="s">
        <v>55</v>
      </c>
      <c r="AJ184" s="5" t="s">
        <v>56</v>
      </c>
      <c r="AK184" s="4" t="s">
        <v>57</v>
      </c>
      <c r="AL184" s="5" t="s">
        <v>58</v>
      </c>
      <c r="AM184" s="4" t="s">
        <v>59</v>
      </c>
      <c r="AN184" s="5" t="s">
        <v>60</v>
      </c>
      <c r="AO184" s="4" t="s">
        <v>61</v>
      </c>
      <c r="AP184" s="5" t="s">
        <v>62</v>
      </c>
      <c r="AQ184" s="4" t="s">
        <v>63</v>
      </c>
      <c r="AR184" s="5" t="s">
        <v>64</v>
      </c>
      <c r="AS184" s="4" t="s">
        <v>65</v>
      </c>
      <c r="AT184" s="5" t="s">
        <v>66</v>
      </c>
      <c r="AU184" s="4" t="s">
        <v>67</v>
      </c>
      <c r="AV184" s="5" t="s">
        <v>68</v>
      </c>
      <c r="AW184" s="4" t="s">
        <v>69</v>
      </c>
      <c r="AX184" s="5" t="s">
        <v>70</v>
      </c>
      <c r="AY184" s="4" t="s">
        <v>71</v>
      </c>
      <c r="AZ184" s="5" t="s">
        <v>72</v>
      </c>
      <c r="BA184" s="4" t="s">
        <v>73</v>
      </c>
      <c r="BB184" s="5" t="s">
        <v>74</v>
      </c>
      <c r="BC184" s="4" t="s">
        <v>75</v>
      </c>
      <c r="BD184" s="5" t="s">
        <v>76</v>
      </c>
      <c r="BE184" s="4" t="s">
        <v>77</v>
      </c>
      <c r="BF184" s="5" t="s">
        <v>78</v>
      </c>
      <c r="BG184" s="4" t="s">
        <v>79</v>
      </c>
      <c r="BH184" s="5" t="s">
        <v>80</v>
      </c>
      <c r="BI184" s="4" t="s">
        <v>81</v>
      </c>
      <c r="BJ184" s="5" t="s">
        <v>82</v>
      </c>
      <c r="BK184" s="4" t="s">
        <v>83</v>
      </c>
      <c r="BL184" s="5" t="s">
        <v>84</v>
      </c>
      <c r="BM184" s="4" t="s">
        <v>85</v>
      </c>
      <c r="BN184" s="5" t="s">
        <v>86</v>
      </c>
      <c r="BO184" s="4" t="s">
        <v>87</v>
      </c>
      <c r="BP184" s="5" t="s">
        <v>88</v>
      </c>
      <c r="BQ184" s="4" t="s">
        <v>89</v>
      </c>
      <c r="BR184" s="5" t="s">
        <v>90</v>
      </c>
      <c r="BS184" s="4" t="s">
        <v>91</v>
      </c>
      <c r="BT184" s="5" t="s">
        <v>92</v>
      </c>
      <c r="BU184" s="4" t="s">
        <v>93</v>
      </c>
      <c r="BV184" s="5" t="s">
        <v>94</v>
      </c>
    </row>
    <row r="185" spans="1:74" x14ac:dyDescent="0.4">
      <c r="A185" s="4" t="s">
        <v>21</v>
      </c>
      <c r="B185" s="5" t="s">
        <v>22</v>
      </c>
      <c r="C185" s="4" t="s">
        <v>23</v>
      </c>
      <c r="D185" s="5" t="s">
        <v>24</v>
      </c>
      <c r="E185" s="4" t="s">
        <v>25</v>
      </c>
      <c r="F185" s="5" t="s">
        <v>26</v>
      </c>
      <c r="G185" s="4" t="s">
        <v>27</v>
      </c>
      <c r="H185" s="5" t="s">
        <v>28</v>
      </c>
      <c r="I185" s="4" t="s">
        <v>29</v>
      </c>
      <c r="J185" s="5" t="s">
        <v>30</v>
      </c>
      <c r="K185" s="4" t="s">
        <v>31</v>
      </c>
      <c r="L185" s="5" t="s">
        <v>32</v>
      </c>
      <c r="M185" s="4" t="s">
        <v>33</v>
      </c>
      <c r="N185" s="5" t="s">
        <v>34</v>
      </c>
      <c r="O185" s="4" t="s">
        <v>35</v>
      </c>
      <c r="P185" s="5" t="s">
        <v>36</v>
      </c>
      <c r="Q185" s="4" t="s">
        <v>37</v>
      </c>
      <c r="R185" s="5" t="s">
        <v>38</v>
      </c>
      <c r="S185" s="4" t="s">
        <v>39</v>
      </c>
      <c r="T185" s="5" t="s">
        <v>40</v>
      </c>
      <c r="U185" s="4" t="s">
        <v>41</v>
      </c>
      <c r="V185" s="5" t="s">
        <v>42</v>
      </c>
      <c r="W185" s="4" t="s">
        <v>43</v>
      </c>
      <c r="X185" s="5" t="s">
        <v>44</v>
      </c>
      <c r="Y185" s="4" t="s">
        <v>45</v>
      </c>
      <c r="Z185" s="5" t="s">
        <v>46</v>
      </c>
      <c r="AA185" s="4" t="s">
        <v>47</v>
      </c>
      <c r="AB185" s="5" t="s">
        <v>48</v>
      </c>
      <c r="AC185" s="4" t="s">
        <v>49</v>
      </c>
      <c r="AD185" s="5" t="s">
        <v>50</v>
      </c>
      <c r="AE185" s="4" t="s">
        <v>51</v>
      </c>
      <c r="AF185" s="5" t="s">
        <v>52</v>
      </c>
      <c r="AG185" s="4" t="s">
        <v>53</v>
      </c>
      <c r="AH185" s="5" t="s">
        <v>54</v>
      </c>
      <c r="AI185" s="4" t="s">
        <v>55</v>
      </c>
      <c r="AJ185" s="5" t="s">
        <v>56</v>
      </c>
      <c r="AK185" s="4" t="s">
        <v>57</v>
      </c>
      <c r="AL185" s="5" t="s">
        <v>58</v>
      </c>
      <c r="AM185" s="4" t="s">
        <v>59</v>
      </c>
      <c r="AN185" s="5" t="s">
        <v>60</v>
      </c>
      <c r="AO185" s="4" t="s">
        <v>61</v>
      </c>
      <c r="AP185" s="5" t="s">
        <v>62</v>
      </c>
      <c r="AQ185" s="4" t="s">
        <v>63</v>
      </c>
      <c r="AR185" s="5" t="s">
        <v>64</v>
      </c>
      <c r="AS185" s="4" t="s">
        <v>65</v>
      </c>
      <c r="AT185" s="5" t="s">
        <v>66</v>
      </c>
      <c r="AU185" s="4" t="s">
        <v>67</v>
      </c>
      <c r="AV185" s="5" t="s">
        <v>68</v>
      </c>
      <c r="AW185" s="4" t="s">
        <v>69</v>
      </c>
      <c r="AX185" s="5" t="s">
        <v>70</v>
      </c>
      <c r="AY185" s="4" t="s">
        <v>71</v>
      </c>
      <c r="AZ185" s="5" t="s">
        <v>72</v>
      </c>
      <c r="BA185" s="4" t="s">
        <v>73</v>
      </c>
      <c r="BB185" s="5" t="s">
        <v>74</v>
      </c>
      <c r="BC185" s="4" t="s">
        <v>75</v>
      </c>
      <c r="BD185" s="5" t="s">
        <v>76</v>
      </c>
      <c r="BE185" s="4" t="s">
        <v>77</v>
      </c>
      <c r="BF185" s="5" t="s">
        <v>78</v>
      </c>
      <c r="BG185" s="4" t="s">
        <v>79</v>
      </c>
      <c r="BH185" s="5" t="s">
        <v>80</v>
      </c>
      <c r="BI185" s="4" t="s">
        <v>81</v>
      </c>
      <c r="BJ185" s="5" t="s">
        <v>82</v>
      </c>
      <c r="BK185" s="4" t="s">
        <v>83</v>
      </c>
      <c r="BL185" s="5" t="s">
        <v>84</v>
      </c>
      <c r="BM185" s="4" t="s">
        <v>85</v>
      </c>
      <c r="BN185" s="5" t="s">
        <v>86</v>
      </c>
      <c r="BO185" s="4" t="s">
        <v>87</v>
      </c>
      <c r="BP185" s="5" t="s">
        <v>88</v>
      </c>
      <c r="BQ185" s="4" t="s">
        <v>89</v>
      </c>
      <c r="BR185" s="5" t="s">
        <v>90</v>
      </c>
      <c r="BS185" s="4" t="s">
        <v>91</v>
      </c>
      <c r="BT185" s="5" t="s">
        <v>92</v>
      </c>
      <c r="BU185" s="4" t="s">
        <v>93</v>
      </c>
      <c r="BV185" s="5" t="s">
        <v>94</v>
      </c>
    </row>
    <row r="186" spans="1:74" x14ac:dyDescent="0.4">
      <c r="A186" s="4" t="s">
        <v>21</v>
      </c>
      <c r="B186" s="5" t="s">
        <v>22</v>
      </c>
      <c r="C186" s="4" t="s">
        <v>23</v>
      </c>
      <c r="D186" s="5" t="s">
        <v>24</v>
      </c>
      <c r="E186" s="4" t="s">
        <v>25</v>
      </c>
      <c r="F186" s="5" t="s">
        <v>26</v>
      </c>
      <c r="G186" s="4" t="s">
        <v>27</v>
      </c>
      <c r="H186" s="5" t="s">
        <v>28</v>
      </c>
      <c r="I186" s="4" t="s">
        <v>29</v>
      </c>
      <c r="J186" s="5" t="s">
        <v>30</v>
      </c>
      <c r="K186" s="4" t="s">
        <v>31</v>
      </c>
      <c r="L186" s="5" t="s">
        <v>32</v>
      </c>
      <c r="M186" s="4" t="s">
        <v>33</v>
      </c>
      <c r="N186" s="5" t="s">
        <v>34</v>
      </c>
      <c r="O186" s="4" t="s">
        <v>35</v>
      </c>
      <c r="P186" s="5" t="s">
        <v>36</v>
      </c>
      <c r="Q186" s="4" t="s">
        <v>37</v>
      </c>
      <c r="R186" s="5" t="s">
        <v>38</v>
      </c>
      <c r="S186" s="4" t="s">
        <v>39</v>
      </c>
      <c r="T186" s="5" t="s">
        <v>40</v>
      </c>
      <c r="U186" s="4" t="s">
        <v>41</v>
      </c>
      <c r="V186" s="5" t="s">
        <v>42</v>
      </c>
      <c r="W186" s="4" t="s">
        <v>43</v>
      </c>
      <c r="X186" s="5" t="s">
        <v>44</v>
      </c>
      <c r="Y186" s="4" t="s">
        <v>45</v>
      </c>
      <c r="Z186" s="5" t="s">
        <v>46</v>
      </c>
      <c r="AA186" s="4" t="s">
        <v>47</v>
      </c>
      <c r="AB186" s="5" t="s">
        <v>48</v>
      </c>
      <c r="AC186" s="4" t="s">
        <v>49</v>
      </c>
      <c r="AD186" s="5" t="s">
        <v>50</v>
      </c>
      <c r="AE186" s="4" t="s">
        <v>51</v>
      </c>
      <c r="AF186" s="5" t="s">
        <v>52</v>
      </c>
      <c r="AG186" s="4" t="s">
        <v>53</v>
      </c>
      <c r="AH186" s="5" t="s">
        <v>54</v>
      </c>
      <c r="AI186" s="4" t="s">
        <v>55</v>
      </c>
      <c r="AJ186" s="5" t="s">
        <v>56</v>
      </c>
      <c r="AK186" s="4" t="s">
        <v>57</v>
      </c>
      <c r="AL186" s="5" t="s">
        <v>58</v>
      </c>
      <c r="AM186" s="4" t="s">
        <v>59</v>
      </c>
      <c r="AN186" s="5" t="s">
        <v>60</v>
      </c>
      <c r="AO186" s="4" t="s">
        <v>61</v>
      </c>
      <c r="AP186" s="5" t="s">
        <v>62</v>
      </c>
      <c r="AQ186" s="4" t="s">
        <v>63</v>
      </c>
      <c r="AR186" s="5" t="s">
        <v>64</v>
      </c>
      <c r="AS186" s="4" t="s">
        <v>65</v>
      </c>
      <c r="AT186" s="5" t="s">
        <v>66</v>
      </c>
      <c r="AU186" s="4" t="s">
        <v>67</v>
      </c>
      <c r="AV186" s="5" t="s">
        <v>68</v>
      </c>
      <c r="AW186" s="4" t="s">
        <v>69</v>
      </c>
      <c r="AX186" s="5" t="s">
        <v>70</v>
      </c>
      <c r="AY186" s="4" t="s">
        <v>71</v>
      </c>
      <c r="AZ186" s="5" t="s">
        <v>72</v>
      </c>
      <c r="BA186" s="4" t="s">
        <v>73</v>
      </c>
      <c r="BB186" s="5" t="s">
        <v>74</v>
      </c>
      <c r="BC186" s="4" t="s">
        <v>75</v>
      </c>
      <c r="BD186" s="5" t="s">
        <v>76</v>
      </c>
      <c r="BE186" s="4" t="s">
        <v>77</v>
      </c>
      <c r="BF186" s="5" t="s">
        <v>78</v>
      </c>
      <c r="BG186" s="4" t="s">
        <v>79</v>
      </c>
      <c r="BH186" s="5" t="s">
        <v>80</v>
      </c>
      <c r="BI186" s="4" t="s">
        <v>81</v>
      </c>
      <c r="BJ186" s="5" t="s">
        <v>82</v>
      </c>
      <c r="BK186" s="4" t="s">
        <v>83</v>
      </c>
      <c r="BL186" s="5" t="s">
        <v>84</v>
      </c>
      <c r="BM186" s="4" t="s">
        <v>85</v>
      </c>
      <c r="BN186" s="5" t="s">
        <v>86</v>
      </c>
      <c r="BO186" s="4" t="s">
        <v>87</v>
      </c>
      <c r="BP186" s="5" t="s">
        <v>88</v>
      </c>
      <c r="BQ186" s="4" t="s">
        <v>89</v>
      </c>
      <c r="BR186" s="5" t="s">
        <v>90</v>
      </c>
      <c r="BS186" s="4" t="s">
        <v>91</v>
      </c>
      <c r="BT186" s="5" t="s">
        <v>92</v>
      </c>
      <c r="BU186" s="4" t="s">
        <v>93</v>
      </c>
      <c r="BV186" s="5" t="s">
        <v>94</v>
      </c>
    </row>
    <row r="187" spans="1:74" x14ac:dyDescent="0.4">
      <c r="A187" s="4" t="s">
        <v>21</v>
      </c>
      <c r="B187" s="5" t="s">
        <v>22</v>
      </c>
      <c r="C187" s="4" t="s">
        <v>23</v>
      </c>
      <c r="D187" s="5" t="s">
        <v>24</v>
      </c>
      <c r="E187" s="4" t="s">
        <v>25</v>
      </c>
      <c r="F187" s="5" t="s">
        <v>26</v>
      </c>
      <c r="G187" s="4" t="s">
        <v>27</v>
      </c>
      <c r="H187" s="5" t="s">
        <v>28</v>
      </c>
      <c r="I187" s="4" t="s">
        <v>29</v>
      </c>
      <c r="J187" s="5" t="s">
        <v>30</v>
      </c>
      <c r="K187" s="4" t="s">
        <v>31</v>
      </c>
      <c r="L187" s="5" t="s">
        <v>32</v>
      </c>
      <c r="M187" s="4" t="s">
        <v>33</v>
      </c>
      <c r="N187" s="5" t="s">
        <v>34</v>
      </c>
      <c r="O187" s="4" t="s">
        <v>35</v>
      </c>
      <c r="P187" s="5" t="s">
        <v>36</v>
      </c>
      <c r="Q187" s="4" t="s">
        <v>37</v>
      </c>
      <c r="R187" s="5" t="s">
        <v>38</v>
      </c>
      <c r="S187" s="4" t="s">
        <v>39</v>
      </c>
      <c r="T187" s="5" t="s">
        <v>40</v>
      </c>
      <c r="U187" s="4" t="s">
        <v>41</v>
      </c>
      <c r="V187" s="5" t="s">
        <v>42</v>
      </c>
      <c r="W187" s="4" t="s">
        <v>43</v>
      </c>
      <c r="X187" s="5" t="s">
        <v>44</v>
      </c>
      <c r="Y187" s="4" t="s">
        <v>45</v>
      </c>
      <c r="Z187" s="5" t="s">
        <v>46</v>
      </c>
      <c r="AA187" s="4" t="s">
        <v>47</v>
      </c>
      <c r="AB187" s="5" t="s">
        <v>48</v>
      </c>
      <c r="AC187" s="4" t="s">
        <v>49</v>
      </c>
      <c r="AD187" s="5" t="s">
        <v>50</v>
      </c>
      <c r="AE187" s="4" t="s">
        <v>51</v>
      </c>
      <c r="AF187" s="5" t="s">
        <v>52</v>
      </c>
      <c r="AG187" s="4" t="s">
        <v>53</v>
      </c>
      <c r="AH187" s="5" t="s">
        <v>54</v>
      </c>
      <c r="AI187" s="4" t="s">
        <v>55</v>
      </c>
      <c r="AJ187" s="5" t="s">
        <v>56</v>
      </c>
      <c r="AK187" s="4" t="s">
        <v>57</v>
      </c>
      <c r="AL187" s="5" t="s">
        <v>58</v>
      </c>
      <c r="AM187" s="4" t="s">
        <v>59</v>
      </c>
      <c r="AN187" s="5" t="s">
        <v>60</v>
      </c>
      <c r="AO187" s="4" t="s">
        <v>61</v>
      </c>
      <c r="AP187" s="5" t="s">
        <v>62</v>
      </c>
      <c r="AQ187" s="4" t="s">
        <v>63</v>
      </c>
      <c r="AR187" s="5" t="s">
        <v>64</v>
      </c>
      <c r="AS187" s="4" t="s">
        <v>65</v>
      </c>
      <c r="AT187" s="5" t="s">
        <v>66</v>
      </c>
      <c r="AU187" s="4" t="s">
        <v>67</v>
      </c>
      <c r="AV187" s="5" t="s">
        <v>68</v>
      </c>
      <c r="AW187" s="4" t="s">
        <v>69</v>
      </c>
      <c r="AX187" s="5" t="s">
        <v>70</v>
      </c>
      <c r="AY187" s="4" t="s">
        <v>71</v>
      </c>
      <c r="AZ187" s="5" t="s">
        <v>72</v>
      </c>
      <c r="BA187" s="4" t="s">
        <v>73</v>
      </c>
      <c r="BB187" s="5" t="s">
        <v>74</v>
      </c>
      <c r="BC187" s="4" t="s">
        <v>75</v>
      </c>
      <c r="BD187" s="5" t="s">
        <v>76</v>
      </c>
      <c r="BE187" s="4" t="s">
        <v>77</v>
      </c>
      <c r="BF187" s="5" t="s">
        <v>78</v>
      </c>
      <c r="BG187" s="4" t="s">
        <v>79</v>
      </c>
      <c r="BH187" s="5" t="s">
        <v>80</v>
      </c>
      <c r="BI187" s="4" t="s">
        <v>81</v>
      </c>
      <c r="BJ187" s="5" t="s">
        <v>82</v>
      </c>
      <c r="BK187" s="4" t="s">
        <v>83</v>
      </c>
      <c r="BL187" s="5" t="s">
        <v>84</v>
      </c>
      <c r="BM187" s="4" t="s">
        <v>85</v>
      </c>
      <c r="BN187" s="5" t="s">
        <v>86</v>
      </c>
      <c r="BO187" s="4" t="s">
        <v>87</v>
      </c>
      <c r="BP187" s="5" t="s">
        <v>88</v>
      </c>
      <c r="BQ187" s="4" t="s">
        <v>89</v>
      </c>
      <c r="BR187" s="5" t="s">
        <v>90</v>
      </c>
      <c r="BS187" s="4" t="s">
        <v>91</v>
      </c>
      <c r="BT187" s="5" t="s">
        <v>92</v>
      </c>
      <c r="BU187" s="4" t="s">
        <v>93</v>
      </c>
      <c r="BV187" s="5" t="s">
        <v>94</v>
      </c>
    </row>
    <row r="188" spans="1:74" x14ac:dyDescent="0.4">
      <c r="A188" s="4" t="s">
        <v>21</v>
      </c>
      <c r="B188" s="5" t="s">
        <v>22</v>
      </c>
      <c r="C188" s="4" t="s">
        <v>23</v>
      </c>
      <c r="D188" s="5" t="s">
        <v>24</v>
      </c>
      <c r="E188" s="4" t="s">
        <v>25</v>
      </c>
      <c r="F188" s="5" t="s">
        <v>26</v>
      </c>
      <c r="G188" s="4" t="s">
        <v>27</v>
      </c>
      <c r="H188" s="5" t="s">
        <v>28</v>
      </c>
      <c r="I188" s="4" t="s">
        <v>29</v>
      </c>
      <c r="J188" s="5" t="s">
        <v>30</v>
      </c>
      <c r="K188" s="4" t="s">
        <v>31</v>
      </c>
      <c r="L188" s="5" t="s">
        <v>32</v>
      </c>
      <c r="M188" s="4" t="s">
        <v>33</v>
      </c>
      <c r="N188" s="5" t="s">
        <v>34</v>
      </c>
      <c r="O188" s="4" t="s">
        <v>35</v>
      </c>
      <c r="P188" s="5" t="s">
        <v>36</v>
      </c>
      <c r="Q188" s="4" t="s">
        <v>37</v>
      </c>
      <c r="R188" s="5" t="s">
        <v>38</v>
      </c>
      <c r="S188" s="4" t="s">
        <v>39</v>
      </c>
      <c r="T188" s="5" t="s">
        <v>40</v>
      </c>
      <c r="U188" s="4" t="s">
        <v>41</v>
      </c>
      <c r="V188" s="5" t="s">
        <v>42</v>
      </c>
      <c r="W188" s="4" t="s">
        <v>43</v>
      </c>
      <c r="X188" s="5" t="s">
        <v>44</v>
      </c>
      <c r="Y188" s="4" t="s">
        <v>45</v>
      </c>
      <c r="Z188" s="5" t="s">
        <v>46</v>
      </c>
      <c r="AA188" s="4" t="s">
        <v>47</v>
      </c>
      <c r="AB188" s="5" t="s">
        <v>48</v>
      </c>
      <c r="AC188" s="4" t="s">
        <v>49</v>
      </c>
      <c r="AD188" s="5" t="s">
        <v>50</v>
      </c>
      <c r="AE188" s="4" t="s">
        <v>51</v>
      </c>
      <c r="AF188" s="5" t="s">
        <v>52</v>
      </c>
      <c r="AG188" s="4" t="s">
        <v>53</v>
      </c>
      <c r="AH188" s="5" t="s">
        <v>54</v>
      </c>
      <c r="AI188" s="4" t="s">
        <v>55</v>
      </c>
      <c r="AJ188" s="5" t="s">
        <v>56</v>
      </c>
      <c r="AK188" s="4" t="s">
        <v>57</v>
      </c>
      <c r="AL188" s="5" t="s">
        <v>58</v>
      </c>
      <c r="AM188" s="4" t="s">
        <v>59</v>
      </c>
      <c r="AN188" s="5" t="s">
        <v>60</v>
      </c>
      <c r="AO188" s="4" t="s">
        <v>61</v>
      </c>
      <c r="AP188" s="5" t="s">
        <v>62</v>
      </c>
      <c r="AQ188" s="4" t="s">
        <v>63</v>
      </c>
      <c r="AR188" s="5" t="s">
        <v>64</v>
      </c>
      <c r="AS188" s="4" t="s">
        <v>65</v>
      </c>
      <c r="AT188" s="5" t="s">
        <v>66</v>
      </c>
      <c r="AU188" s="4" t="s">
        <v>67</v>
      </c>
      <c r="AV188" s="5" t="s">
        <v>68</v>
      </c>
      <c r="AW188" s="4" t="s">
        <v>69</v>
      </c>
      <c r="AX188" s="5" t="s">
        <v>70</v>
      </c>
      <c r="AY188" s="4" t="s">
        <v>71</v>
      </c>
      <c r="AZ188" s="5" t="s">
        <v>72</v>
      </c>
      <c r="BA188" s="4" t="s">
        <v>73</v>
      </c>
      <c r="BB188" s="5" t="s">
        <v>74</v>
      </c>
      <c r="BC188" s="4" t="s">
        <v>75</v>
      </c>
      <c r="BD188" s="5" t="s">
        <v>76</v>
      </c>
      <c r="BE188" s="4" t="s">
        <v>77</v>
      </c>
      <c r="BF188" s="5" t="s">
        <v>78</v>
      </c>
      <c r="BG188" s="4" t="s">
        <v>79</v>
      </c>
      <c r="BH188" s="5" t="s">
        <v>80</v>
      </c>
      <c r="BI188" s="4" t="s">
        <v>81</v>
      </c>
      <c r="BJ188" s="5" t="s">
        <v>82</v>
      </c>
      <c r="BK188" s="4" t="s">
        <v>83</v>
      </c>
      <c r="BL188" s="5" t="s">
        <v>84</v>
      </c>
      <c r="BM188" s="4" t="s">
        <v>85</v>
      </c>
      <c r="BN188" s="5" t="s">
        <v>86</v>
      </c>
      <c r="BO188" s="4" t="s">
        <v>87</v>
      </c>
      <c r="BP188" s="5" t="s">
        <v>88</v>
      </c>
      <c r="BQ188" s="4" t="s">
        <v>89</v>
      </c>
      <c r="BR188" s="5" t="s">
        <v>90</v>
      </c>
      <c r="BS188" s="4" t="s">
        <v>91</v>
      </c>
      <c r="BT188" s="5" t="s">
        <v>92</v>
      </c>
      <c r="BU188" s="4" t="s">
        <v>93</v>
      </c>
      <c r="BV188" s="5" t="s">
        <v>94</v>
      </c>
    </row>
    <row r="189" spans="1:74" x14ac:dyDescent="0.4">
      <c r="A189" s="4" t="s">
        <v>21</v>
      </c>
      <c r="B189" s="5" t="s">
        <v>22</v>
      </c>
      <c r="C189" s="4" t="s">
        <v>23</v>
      </c>
      <c r="D189" s="5" t="s">
        <v>24</v>
      </c>
      <c r="E189" s="4" t="s">
        <v>25</v>
      </c>
      <c r="F189" s="5" t="s">
        <v>26</v>
      </c>
      <c r="G189" s="4" t="s">
        <v>27</v>
      </c>
      <c r="H189" s="5" t="s">
        <v>28</v>
      </c>
      <c r="I189" s="4" t="s">
        <v>29</v>
      </c>
      <c r="J189" s="5" t="s">
        <v>30</v>
      </c>
      <c r="K189" s="4" t="s">
        <v>31</v>
      </c>
      <c r="L189" s="5" t="s">
        <v>32</v>
      </c>
      <c r="M189" s="4" t="s">
        <v>33</v>
      </c>
      <c r="N189" s="5" t="s">
        <v>34</v>
      </c>
      <c r="O189" s="4" t="s">
        <v>35</v>
      </c>
      <c r="P189" s="5" t="s">
        <v>36</v>
      </c>
      <c r="Q189" s="4" t="s">
        <v>37</v>
      </c>
      <c r="R189" s="5" t="s">
        <v>38</v>
      </c>
      <c r="S189" s="4" t="s">
        <v>39</v>
      </c>
      <c r="T189" s="5" t="s">
        <v>40</v>
      </c>
      <c r="U189" s="4" t="s">
        <v>41</v>
      </c>
      <c r="V189" s="5" t="s">
        <v>42</v>
      </c>
      <c r="W189" s="4" t="s">
        <v>43</v>
      </c>
      <c r="X189" s="5" t="s">
        <v>44</v>
      </c>
      <c r="Y189" s="4" t="s">
        <v>45</v>
      </c>
      <c r="Z189" s="5" t="s">
        <v>46</v>
      </c>
      <c r="AA189" s="4" t="s">
        <v>47</v>
      </c>
      <c r="AB189" s="5" t="s">
        <v>48</v>
      </c>
      <c r="AC189" s="4" t="s">
        <v>49</v>
      </c>
      <c r="AD189" s="5" t="s">
        <v>50</v>
      </c>
      <c r="AE189" s="4" t="s">
        <v>51</v>
      </c>
      <c r="AF189" s="5" t="s">
        <v>52</v>
      </c>
      <c r="AG189" s="4" t="s">
        <v>53</v>
      </c>
      <c r="AH189" s="5" t="s">
        <v>54</v>
      </c>
      <c r="AI189" s="4" t="s">
        <v>55</v>
      </c>
      <c r="AJ189" s="5" t="s">
        <v>56</v>
      </c>
      <c r="AK189" s="4" t="s">
        <v>57</v>
      </c>
      <c r="AL189" s="5" t="s">
        <v>58</v>
      </c>
      <c r="AM189" s="4" t="s">
        <v>59</v>
      </c>
      <c r="AN189" s="5" t="s">
        <v>60</v>
      </c>
      <c r="AO189" s="4" t="s">
        <v>61</v>
      </c>
      <c r="AP189" s="5" t="s">
        <v>62</v>
      </c>
      <c r="AQ189" s="4" t="s">
        <v>63</v>
      </c>
      <c r="AR189" s="5" t="s">
        <v>64</v>
      </c>
      <c r="AS189" s="4" t="s">
        <v>65</v>
      </c>
      <c r="AT189" s="5" t="s">
        <v>66</v>
      </c>
      <c r="AU189" s="4" t="s">
        <v>67</v>
      </c>
      <c r="AV189" s="5" t="s">
        <v>68</v>
      </c>
      <c r="AW189" s="4" t="s">
        <v>69</v>
      </c>
      <c r="AX189" s="5" t="s">
        <v>70</v>
      </c>
      <c r="AY189" s="4" t="s">
        <v>71</v>
      </c>
      <c r="AZ189" s="5" t="s">
        <v>72</v>
      </c>
      <c r="BA189" s="4" t="s">
        <v>73</v>
      </c>
      <c r="BB189" s="5" t="s">
        <v>74</v>
      </c>
      <c r="BC189" s="4" t="s">
        <v>75</v>
      </c>
      <c r="BD189" s="5" t="s">
        <v>76</v>
      </c>
      <c r="BE189" s="4" t="s">
        <v>77</v>
      </c>
      <c r="BF189" s="5" t="s">
        <v>78</v>
      </c>
      <c r="BG189" s="4" t="s">
        <v>79</v>
      </c>
      <c r="BH189" s="5" t="s">
        <v>80</v>
      </c>
      <c r="BI189" s="4" t="s">
        <v>81</v>
      </c>
      <c r="BJ189" s="5" t="s">
        <v>82</v>
      </c>
      <c r="BK189" s="4" t="s">
        <v>83</v>
      </c>
      <c r="BL189" s="5" t="s">
        <v>84</v>
      </c>
      <c r="BM189" s="4" t="s">
        <v>85</v>
      </c>
      <c r="BN189" s="5" t="s">
        <v>86</v>
      </c>
      <c r="BO189" s="4" t="s">
        <v>87</v>
      </c>
      <c r="BP189" s="5" t="s">
        <v>88</v>
      </c>
      <c r="BQ189" s="4" t="s">
        <v>89</v>
      </c>
      <c r="BR189" s="5" t="s">
        <v>90</v>
      </c>
      <c r="BS189" s="4" t="s">
        <v>91</v>
      </c>
      <c r="BT189" s="5" t="s">
        <v>92</v>
      </c>
      <c r="BU189" s="4" t="s">
        <v>93</v>
      </c>
      <c r="BV189" s="5" t="s">
        <v>94</v>
      </c>
    </row>
    <row r="190" spans="1:74" x14ac:dyDescent="0.4">
      <c r="A190" s="4" t="s">
        <v>21</v>
      </c>
      <c r="B190" s="5" t="s">
        <v>22</v>
      </c>
      <c r="C190" s="4" t="s">
        <v>23</v>
      </c>
      <c r="D190" s="5" t="s">
        <v>24</v>
      </c>
      <c r="E190" s="4" t="s">
        <v>25</v>
      </c>
      <c r="F190" s="5" t="s">
        <v>26</v>
      </c>
      <c r="G190" s="4" t="s">
        <v>27</v>
      </c>
      <c r="H190" s="5" t="s">
        <v>28</v>
      </c>
      <c r="I190" s="4" t="s">
        <v>29</v>
      </c>
      <c r="J190" s="5" t="s">
        <v>30</v>
      </c>
      <c r="K190" s="4" t="s">
        <v>31</v>
      </c>
      <c r="L190" s="5" t="s">
        <v>32</v>
      </c>
      <c r="M190" s="4" t="s">
        <v>33</v>
      </c>
      <c r="N190" s="5" t="s">
        <v>34</v>
      </c>
      <c r="O190" s="4" t="s">
        <v>35</v>
      </c>
      <c r="P190" s="5" t="s">
        <v>36</v>
      </c>
      <c r="Q190" s="4" t="s">
        <v>37</v>
      </c>
      <c r="R190" s="5" t="s">
        <v>38</v>
      </c>
      <c r="S190" s="4" t="s">
        <v>39</v>
      </c>
      <c r="T190" s="5" t="s">
        <v>40</v>
      </c>
      <c r="U190" s="4" t="s">
        <v>41</v>
      </c>
      <c r="V190" s="5" t="s">
        <v>42</v>
      </c>
      <c r="W190" s="4" t="s">
        <v>43</v>
      </c>
      <c r="X190" s="5" t="s">
        <v>44</v>
      </c>
      <c r="Y190" s="4" t="s">
        <v>45</v>
      </c>
      <c r="Z190" s="5" t="s">
        <v>46</v>
      </c>
      <c r="AA190" s="4" t="s">
        <v>47</v>
      </c>
      <c r="AB190" s="5" t="s">
        <v>48</v>
      </c>
      <c r="AC190" s="4" t="s">
        <v>49</v>
      </c>
      <c r="AD190" s="5" t="s">
        <v>50</v>
      </c>
      <c r="AE190" s="4" t="s">
        <v>51</v>
      </c>
      <c r="AF190" s="5" t="s">
        <v>52</v>
      </c>
      <c r="AG190" s="4" t="s">
        <v>53</v>
      </c>
      <c r="AH190" s="5" t="s">
        <v>54</v>
      </c>
      <c r="AI190" s="4" t="s">
        <v>55</v>
      </c>
      <c r="AJ190" s="5" t="s">
        <v>56</v>
      </c>
      <c r="AK190" s="4" t="s">
        <v>57</v>
      </c>
      <c r="AL190" s="5" t="s">
        <v>58</v>
      </c>
      <c r="AM190" s="4" t="s">
        <v>59</v>
      </c>
      <c r="AN190" s="5" t="s">
        <v>60</v>
      </c>
      <c r="AO190" s="4" t="s">
        <v>61</v>
      </c>
      <c r="AP190" s="5" t="s">
        <v>62</v>
      </c>
      <c r="AQ190" s="4" t="s">
        <v>63</v>
      </c>
      <c r="AR190" s="5" t="s">
        <v>64</v>
      </c>
      <c r="AS190" s="4" t="s">
        <v>65</v>
      </c>
      <c r="AT190" s="5" t="s">
        <v>66</v>
      </c>
      <c r="AU190" s="4" t="s">
        <v>67</v>
      </c>
      <c r="AV190" s="5" t="s">
        <v>68</v>
      </c>
      <c r="AW190" s="4" t="s">
        <v>69</v>
      </c>
      <c r="AX190" s="5" t="s">
        <v>70</v>
      </c>
      <c r="AY190" s="4" t="s">
        <v>71</v>
      </c>
      <c r="AZ190" s="5" t="s">
        <v>72</v>
      </c>
      <c r="BA190" s="4" t="s">
        <v>73</v>
      </c>
      <c r="BB190" s="5" t="s">
        <v>74</v>
      </c>
      <c r="BC190" s="4" t="s">
        <v>75</v>
      </c>
      <c r="BD190" s="5" t="s">
        <v>76</v>
      </c>
      <c r="BE190" s="4" t="s">
        <v>77</v>
      </c>
      <c r="BF190" s="5" t="s">
        <v>78</v>
      </c>
      <c r="BG190" s="4" t="s">
        <v>79</v>
      </c>
      <c r="BH190" s="5" t="s">
        <v>80</v>
      </c>
      <c r="BI190" s="4" t="s">
        <v>81</v>
      </c>
      <c r="BJ190" s="5" t="s">
        <v>82</v>
      </c>
      <c r="BK190" s="4" t="s">
        <v>83</v>
      </c>
      <c r="BL190" s="5" t="s">
        <v>84</v>
      </c>
      <c r="BM190" s="4" t="s">
        <v>85</v>
      </c>
      <c r="BN190" s="5" t="s">
        <v>86</v>
      </c>
      <c r="BO190" s="4" t="s">
        <v>87</v>
      </c>
      <c r="BP190" s="5" t="s">
        <v>88</v>
      </c>
      <c r="BQ190" s="4" t="s">
        <v>89</v>
      </c>
      <c r="BR190" s="5" t="s">
        <v>90</v>
      </c>
      <c r="BS190" s="4" t="s">
        <v>91</v>
      </c>
      <c r="BT190" s="5" t="s">
        <v>92</v>
      </c>
      <c r="BU190" s="4" t="s">
        <v>93</v>
      </c>
      <c r="BV190" s="5" t="s">
        <v>94</v>
      </c>
    </row>
    <row r="191" spans="1:74" x14ac:dyDescent="0.4">
      <c r="A191" s="4" t="s">
        <v>21</v>
      </c>
      <c r="B191" s="5" t="s">
        <v>22</v>
      </c>
      <c r="C191" s="4" t="s">
        <v>23</v>
      </c>
      <c r="D191" s="5" t="s">
        <v>24</v>
      </c>
      <c r="E191" s="4" t="s">
        <v>25</v>
      </c>
      <c r="F191" s="5" t="s">
        <v>26</v>
      </c>
      <c r="G191" s="4" t="s">
        <v>27</v>
      </c>
      <c r="H191" s="5" t="s">
        <v>28</v>
      </c>
      <c r="I191" s="4" t="s">
        <v>29</v>
      </c>
      <c r="J191" s="5" t="s">
        <v>30</v>
      </c>
      <c r="K191" s="4" t="s">
        <v>31</v>
      </c>
      <c r="L191" s="5" t="s">
        <v>32</v>
      </c>
      <c r="M191" s="4" t="s">
        <v>33</v>
      </c>
      <c r="N191" s="5" t="s">
        <v>34</v>
      </c>
      <c r="O191" s="4" t="s">
        <v>35</v>
      </c>
      <c r="P191" s="5" t="s">
        <v>36</v>
      </c>
      <c r="Q191" s="4" t="s">
        <v>37</v>
      </c>
      <c r="R191" s="5" t="s">
        <v>38</v>
      </c>
      <c r="S191" s="4" t="s">
        <v>39</v>
      </c>
      <c r="T191" s="5" t="s">
        <v>40</v>
      </c>
      <c r="U191" s="4" t="s">
        <v>41</v>
      </c>
      <c r="V191" s="5" t="s">
        <v>42</v>
      </c>
      <c r="W191" s="4" t="s">
        <v>43</v>
      </c>
      <c r="X191" s="5" t="s">
        <v>44</v>
      </c>
      <c r="Y191" s="4" t="s">
        <v>45</v>
      </c>
      <c r="Z191" s="5" t="s">
        <v>46</v>
      </c>
      <c r="AA191" s="4" t="s">
        <v>47</v>
      </c>
      <c r="AB191" s="5" t="s">
        <v>48</v>
      </c>
      <c r="AC191" s="4" t="s">
        <v>49</v>
      </c>
      <c r="AD191" s="5" t="s">
        <v>50</v>
      </c>
      <c r="AE191" s="4" t="s">
        <v>51</v>
      </c>
      <c r="AF191" s="5" t="s">
        <v>52</v>
      </c>
      <c r="AG191" s="4" t="s">
        <v>53</v>
      </c>
      <c r="AH191" s="5" t="s">
        <v>54</v>
      </c>
      <c r="AI191" s="4" t="s">
        <v>55</v>
      </c>
      <c r="AJ191" s="5" t="s">
        <v>56</v>
      </c>
      <c r="AK191" s="4" t="s">
        <v>57</v>
      </c>
      <c r="AL191" s="5" t="s">
        <v>58</v>
      </c>
      <c r="AM191" s="4" t="s">
        <v>59</v>
      </c>
      <c r="AN191" s="5" t="s">
        <v>60</v>
      </c>
      <c r="AO191" s="4" t="s">
        <v>61</v>
      </c>
      <c r="AP191" s="5" t="s">
        <v>62</v>
      </c>
      <c r="AQ191" s="4" t="s">
        <v>63</v>
      </c>
      <c r="AR191" s="5" t="s">
        <v>64</v>
      </c>
      <c r="AS191" s="4" t="s">
        <v>65</v>
      </c>
      <c r="AT191" s="5" t="s">
        <v>66</v>
      </c>
      <c r="AU191" s="4" t="s">
        <v>67</v>
      </c>
      <c r="AV191" s="5" t="s">
        <v>68</v>
      </c>
      <c r="AW191" s="4" t="s">
        <v>69</v>
      </c>
      <c r="AX191" s="5" t="s">
        <v>70</v>
      </c>
      <c r="AY191" s="4" t="s">
        <v>71</v>
      </c>
      <c r="AZ191" s="5" t="s">
        <v>72</v>
      </c>
      <c r="BA191" s="4" t="s">
        <v>73</v>
      </c>
      <c r="BB191" s="5" t="s">
        <v>74</v>
      </c>
      <c r="BC191" s="4" t="s">
        <v>75</v>
      </c>
      <c r="BD191" s="5" t="s">
        <v>76</v>
      </c>
      <c r="BE191" s="4" t="s">
        <v>77</v>
      </c>
      <c r="BF191" s="5" t="s">
        <v>78</v>
      </c>
      <c r="BG191" s="4" t="s">
        <v>79</v>
      </c>
      <c r="BH191" s="5" t="s">
        <v>80</v>
      </c>
      <c r="BI191" s="4" t="s">
        <v>81</v>
      </c>
      <c r="BJ191" s="5" t="s">
        <v>82</v>
      </c>
      <c r="BK191" s="4" t="s">
        <v>83</v>
      </c>
      <c r="BL191" s="5" t="s">
        <v>84</v>
      </c>
      <c r="BM191" s="4" t="s">
        <v>85</v>
      </c>
      <c r="BN191" s="5" t="s">
        <v>86</v>
      </c>
      <c r="BO191" s="4" t="s">
        <v>87</v>
      </c>
      <c r="BP191" s="5" t="s">
        <v>88</v>
      </c>
      <c r="BQ191" s="4" t="s">
        <v>89</v>
      </c>
      <c r="BR191" s="5" t="s">
        <v>90</v>
      </c>
      <c r="BS191" s="4" t="s">
        <v>91</v>
      </c>
      <c r="BT191" s="5" t="s">
        <v>92</v>
      </c>
      <c r="BU191" s="4" t="s">
        <v>93</v>
      </c>
      <c r="BV191" s="5" t="s">
        <v>94</v>
      </c>
    </row>
    <row r="192" spans="1:74" x14ac:dyDescent="0.4">
      <c r="A192" s="4" t="s">
        <v>21</v>
      </c>
      <c r="B192" s="5" t="s">
        <v>22</v>
      </c>
      <c r="C192" s="4" t="s">
        <v>23</v>
      </c>
      <c r="D192" s="5" t="s">
        <v>24</v>
      </c>
      <c r="E192" s="4" t="s">
        <v>25</v>
      </c>
      <c r="F192" s="5" t="s">
        <v>26</v>
      </c>
      <c r="G192" s="4" t="s">
        <v>27</v>
      </c>
      <c r="H192" s="5" t="s">
        <v>28</v>
      </c>
      <c r="I192" s="4" t="s">
        <v>29</v>
      </c>
      <c r="J192" s="5" t="s">
        <v>30</v>
      </c>
      <c r="K192" s="4" t="s">
        <v>31</v>
      </c>
      <c r="L192" s="5" t="s">
        <v>32</v>
      </c>
      <c r="M192" s="4" t="s">
        <v>33</v>
      </c>
      <c r="N192" s="5" t="s">
        <v>34</v>
      </c>
      <c r="O192" s="4" t="s">
        <v>35</v>
      </c>
      <c r="P192" s="5" t="s">
        <v>36</v>
      </c>
      <c r="Q192" s="4" t="s">
        <v>37</v>
      </c>
      <c r="R192" s="5" t="s">
        <v>38</v>
      </c>
      <c r="S192" s="4" t="s">
        <v>39</v>
      </c>
      <c r="T192" s="5" t="s">
        <v>40</v>
      </c>
      <c r="U192" s="4" t="s">
        <v>41</v>
      </c>
      <c r="V192" s="5" t="s">
        <v>42</v>
      </c>
      <c r="W192" s="4" t="s">
        <v>43</v>
      </c>
      <c r="X192" s="5" t="s">
        <v>44</v>
      </c>
      <c r="Y192" s="4" t="s">
        <v>45</v>
      </c>
      <c r="Z192" s="5" t="s">
        <v>46</v>
      </c>
      <c r="AA192" s="4" t="s">
        <v>47</v>
      </c>
      <c r="AB192" s="5" t="s">
        <v>48</v>
      </c>
      <c r="AC192" s="4" t="s">
        <v>49</v>
      </c>
      <c r="AD192" s="5" t="s">
        <v>50</v>
      </c>
      <c r="AE192" s="4" t="s">
        <v>51</v>
      </c>
      <c r="AF192" s="5" t="s">
        <v>52</v>
      </c>
      <c r="AG192" s="4" t="s">
        <v>53</v>
      </c>
      <c r="AH192" s="5" t="s">
        <v>54</v>
      </c>
      <c r="AI192" s="4" t="s">
        <v>55</v>
      </c>
      <c r="AJ192" s="5" t="s">
        <v>56</v>
      </c>
      <c r="AK192" s="4" t="s">
        <v>57</v>
      </c>
      <c r="AL192" s="5" t="s">
        <v>58</v>
      </c>
      <c r="AM192" s="4" t="s">
        <v>59</v>
      </c>
      <c r="AN192" s="5" t="s">
        <v>60</v>
      </c>
      <c r="AO192" s="4" t="s">
        <v>61</v>
      </c>
      <c r="AP192" s="5" t="s">
        <v>62</v>
      </c>
      <c r="AQ192" s="4" t="s">
        <v>63</v>
      </c>
      <c r="AR192" s="5" t="s">
        <v>64</v>
      </c>
      <c r="AS192" s="4" t="s">
        <v>65</v>
      </c>
      <c r="AT192" s="5" t="s">
        <v>66</v>
      </c>
      <c r="AU192" s="4" t="s">
        <v>67</v>
      </c>
      <c r="AV192" s="5" t="s">
        <v>68</v>
      </c>
      <c r="AW192" s="4" t="s">
        <v>69</v>
      </c>
      <c r="AX192" s="5" t="s">
        <v>70</v>
      </c>
      <c r="AY192" s="4" t="s">
        <v>71</v>
      </c>
      <c r="AZ192" s="5" t="s">
        <v>72</v>
      </c>
      <c r="BA192" s="4" t="s">
        <v>73</v>
      </c>
      <c r="BB192" s="5" t="s">
        <v>74</v>
      </c>
      <c r="BC192" s="4" t="s">
        <v>75</v>
      </c>
      <c r="BD192" s="5" t="s">
        <v>76</v>
      </c>
      <c r="BE192" s="4" t="s">
        <v>77</v>
      </c>
      <c r="BF192" s="5" t="s">
        <v>78</v>
      </c>
      <c r="BG192" s="4" t="s">
        <v>79</v>
      </c>
      <c r="BH192" s="5" t="s">
        <v>80</v>
      </c>
      <c r="BI192" s="4" t="s">
        <v>81</v>
      </c>
      <c r="BJ192" s="5" t="s">
        <v>82</v>
      </c>
      <c r="BK192" s="4" t="s">
        <v>83</v>
      </c>
      <c r="BL192" s="5" t="s">
        <v>84</v>
      </c>
      <c r="BM192" s="4" t="s">
        <v>85</v>
      </c>
      <c r="BN192" s="5" t="s">
        <v>86</v>
      </c>
      <c r="BO192" s="4" t="s">
        <v>87</v>
      </c>
      <c r="BP192" s="5" t="s">
        <v>88</v>
      </c>
      <c r="BQ192" s="4" t="s">
        <v>89</v>
      </c>
      <c r="BR192" s="5" t="s">
        <v>90</v>
      </c>
      <c r="BS192" s="4" t="s">
        <v>91</v>
      </c>
      <c r="BT192" s="5" t="s">
        <v>92</v>
      </c>
      <c r="BU192" s="4" t="s">
        <v>93</v>
      </c>
      <c r="BV192" s="5" t="s">
        <v>94</v>
      </c>
    </row>
    <row r="193" spans="1:74" x14ac:dyDescent="0.4">
      <c r="A193" s="4" t="s">
        <v>21</v>
      </c>
      <c r="B193" s="5" t="s">
        <v>22</v>
      </c>
      <c r="C193" s="4" t="s">
        <v>23</v>
      </c>
      <c r="D193" s="5" t="s">
        <v>24</v>
      </c>
      <c r="E193" s="4" t="s">
        <v>25</v>
      </c>
      <c r="F193" s="5" t="s">
        <v>26</v>
      </c>
      <c r="G193" s="4" t="s">
        <v>27</v>
      </c>
      <c r="H193" s="5" t="s">
        <v>28</v>
      </c>
      <c r="I193" s="4" t="s">
        <v>29</v>
      </c>
      <c r="J193" s="5" t="s">
        <v>30</v>
      </c>
      <c r="K193" s="4" t="s">
        <v>31</v>
      </c>
      <c r="L193" s="5" t="s">
        <v>32</v>
      </c>
      <c r="M193" s="4" t="s">
        <v>33</v>
      </c>
      <c r="N193" s="5" t="s">
        <v>34</v>
      </c>
      <c r="O193" s="4" t="s">
        <v>35</v>
      </c>
      <c r="P193" s="5" t="s">
        <v>36</v>
      </c>
      <c r="Q193" s="4" t="s">
        <v>37</v>
      </c>
      <c r="R193" s="5" t="s">
        <v>38</v>
      </c>
      <c r="S193" s="4" t="s">
        <v>39</v>
      </c>
      <c r="T193" s="5" t="s">
        <v>40</v>
      </c>
      <c r="U193" s="4" t="s">
        <v>41</v>
      </c>
      <c r="V193" s="5" t="s">
        <v>42</v>
      </c>
      <c r="W193" s="4" t="s">
        <v>43</v>
      </c>
      <c r="X193" s="5" t="s">
        <v>44</v>
      </c>
      <c r="Y193" s="4" t="s">
        <v>45</v>
      </c>
      <c r="Z193" s="5" t="s">
        <v>46</v>
      </c>
      <c r="AA193" s="4" t="s">
        <v>47</v>
      </c>
      <c r="AB193" s="5" t="s">
        <v>48</v>
      </c>
      <c r="AC193" s="4" t="s">
        <v>49</v>
      </c>
      <c r="AD193" s="5" t="s">
        <v>50</v>
      </c>
      <c r="AE193" s="4" t="s">
        <v>51</v>
      </c>
      <c r="AF193" s="5" t="s">
        <v>52</v>
      </c>
      <c r="AG193" s="4" t="s">
        <v>53</v>
      </c>
      <c r="AH193" s="5" t="s">
        <v>54</v>
      </c>
      <c r="AI193" s="4" t="s">
        <v>55</v>
      </c>
      <c r="AJ193" s="5" t="s">
        <v>56</v>
      </c>
      <c r="AK193" s="4" t="s">
        <v>57</v>
      </c>
      <c r="AL193" s="5" t="s">
        <v>58</v>
      </c>
      <c r="AM193" s="4" t="s">
        <v>59</v>
      </c>
      <c r="AN193" s="5" t="s">
        <v>60</v>
      </c>
      <c r="AO193" s="4" t="s">
        <v>61</v>
      </c>
      <c r="AP193" s="5" t="s">
        <v>62</v>
      </c>
      <c r="AQ193" s="4" t="s">
        <v>63</v>
      </c>
      <c r="AR193" s="5" t="s">
        <v>64</v>
      </c>
      <c r="AS193" s="4" t="s">
        <v>65</v>
      </c>
      <c r="AT193" s="5" t="s">
        <v>66</v>
      </c>
      <c r="AU193" s="4" t="s">
        <v>67</v>
      </c>
      <c r="AV193" s="5" t="s">
        <v>68</v>
      </c>
      <c r="AW193" s="4" t="s">
        <v>69</v>
      </c>
      <c r="AX193" s="5" t="s">
        <v>70</v>
      </c>
      <c r="AY193" s="4" t="s">
        <v>71</v>
      </c>
      <c r="AZ193" s="5" t="s">
        <v>72</v>
      </c>
      <c r="BA193" s="4" t="s">
        <v>73</v>
      </c>
      <c r="BB193" s="5" t="s">
        <v>74</v>
      </c>
      <c r="BC193" s="4" t="s">
        <v>75</v>
      </c>
      <c r="BD193" s="5" t="s">
        <v>76</v>
      </c>
      <c r="BE193" s="4" t="s">
        <v>77</v>
      </c>
      <c r="BF193" s="5" t="s">
        <v>78</v>
      </c>
      <c r="BG193" s="4" t="s">
        <v>79</v>
      </c>
      <c r="BH193" s="5" t="s">
        <v>80</v>
      </c>
      <c r="BI193" s="4" t="s">
        <v>81</v>
      </c>
      <c r="BJ193" s="5" t="s">
        <v>82</v>
      </c>
      <c r="BK193" s="4" t="s">
        <v>83</v>
      </c>
      <c r="BL193" s="5" t="s">
        <v>84</v>
      </c>
      <c r="BM193" s="4" t="s">
        <v>85</v>
      </c>
      <c r="BN193" s="5" t="s">
        <v>86</v>
      </c>
      <c r="BO193" s="4" t="s">
        <v>87</v>
      </c>
      <c r="BP193" s="5" t="s">
        <v>88</v>
      </c>
      <c r="BQ193" s="4" t="s">
        <v>89</v>
      </c>
      <c r="BR193" s="5" t="s">
        <v>90</v>
      </c>
      <c r="BS193" s="4" t="s">
        <v>91</v>
      </c>
      <c r="BT193" s="5" t="s">
        <v>92</v>
      </c>
      <c r="BU193" s="4" t="s">
        <v>93</v>
      </c>
      <c r="BV193" s="5" t="s">
        <v>94</v>
      </c>
    </row>
    <row r="194" spans="1:74" x14ac:dyDescent="0.4">
      <c r="A194" s="4" t="s">
        <v>21</v>
      </c>
      <c r="B194" s="5" t="s">
        <v>22</v>
      </c>
      <c r="C194" s="4" t="s">
        <v>23</v>
      </c>
      <c r="D194" s="5" t="s">
        <v>24</v>
      </c>
      <c r="E194" s="4" t="s">
        <v>25</v>
      </c>
      <c r="F194" s="5" t="s">
        <v>26</v>
      </c>
      <c r="G194" s="4" t="s">
        <v>27</v>
      </c>
      <c r="H194" s="5" t="s">
        <v>28</v>
      </c>
      <c r="I194" s="4" t="s">
        <v>29</v>
      </c>
      <c r="J194" s="5" t="s">
        <v>30</v>
      </c>
      <c r="K194" s="4" t="s">
        <v>31</v>
      </c>
      <c r="L194" s="5" t="s">
        <v>32</v>
      </c>
      <c r="M194" s="4" t="s">
        <v>33</v>
      </c>
      <c r="N194" s="5" t="s">
        <v>34</v>
      </c>
      <c r="O194" s="4" t="s">
        <v>35</v>
      </c>
      <c r="P194" s="5" t="s">
        <v>36</v>
      </c>
      <c r="Q194" s="4" t="s">
        <v>37</v>
      </c>
      <c r="R194" s="5" t="s">
        <v>38</v>
      </c>
      <c r="S194" s="4" t="s">
        <v>39</v>
      </c>
      <c r="T194" s="5" t="s">
        <v>40</v>
      </c>
      <c r="U194" s="4" t="s">
        <v>41</v>
      </c>
      <c r="V194" s="5" t="s">
        <v>42</v>
      </c>
      <c r="W194" s="4" t="s">
        <v>43</v>
      </c>
      <c r="X194" s="5" t="s">
        <v>44</v>
      </c>
      <c r="Y194" s="4" t="s">
        <v>45</v>
      </c>
      <c r="Z194" s="5" t="s">
        <v>46</v>
      </c>
      <c r="AA194" s="4" t="s">
        <v>47</v>
      </c>
      <c r="AB194" s="5" t="s">
        <v>48</v>
      </c>
      <c r="AC194" s="4" t="s">
        <v>49</v>
      </c>
      <c r="AD194" s="5" t="s">
        <v>50</v>
      </c>
      <c r="AE194" s="4" t="s">
        <v>51</v>
      </c>
      <c r="AF194" s="5" t="s">
        <v>52</v>
      </c>
      <c r="AG194" s="4" t="s">
        <v>53</v>
      </c>
      <c r="AH194" s="5" t="s">
        <v>54</v>
      </c>
      <c r="AI194" s="4" t="s">
        <v>55</v>
      </c>
      <c r="AJ194" s="5" t="s">
        <v>56</v>
      </c>
      <c r="AK194" s="4" t="s">
        <v>57</v>
      </c>
      <c r="AL194" s="5" t="s">
        <v>58</v>
      </c>
      <c r="AM194" s="4" t="s">
        <v>59</v>
      </c>
      <c r="AN194" s="5" t="s">
        <v>60</v>
      </c>
      <c r="AO194" s="4" t="s">
        <v>61</v>
      </c>
      <c r="AP194" s="5" t="s">
        <v>62</v>
      </c>
      <c r="AQ194" s="4" t="s">
        <v>63</v>
      </c>
      <c r="AR194" s="5" t="s">
        <v>64</v>
      </c>
      <c r="AS194" s="4" t="s">
        <v>65</v>
      </c>
      <c r="AT194" s="5" t="s">
        <v>66</v>
      </c>
      <c r="AU194" s="4" t="s">
        <v>67</v>
      </c>
      <c r="AV194" s="5" t="s">
        <v>68</v>
      </c>
      <c r="AW194" s="4" t="s">
        <v>69</v>
      </c>
      <c r="AX194" s="5" t="s">
        <v>70</v>
      </c>
      <c r="AY194" s="4" t="s">
        <v>71</v>
      </c>
      <c r="AZ194" s="5" t="s">
        <v>72</v>
      </c>
      <c r="BA194" s="4" t="s">
        <v>73</v>
      </c>
      <c r="BB194" s="5" t="s">
        <v>74</v>
      </c>
      <c r="BC194" s="4" t="s">
        <v>75</v>
      </c>
      <c r="BD194" s="5" t="s">
        <v>76</v>
      </c>
      <c r="BE194" s="4" t="s">
        <v>77</v>
      </c>
      <c r="BF194" s="5" t="s">
        <v>78</v>
      </c>
      <c r="BG194" s="4" t="s">
        <v>79</v>
      </c>
      <c r="BH194" s="5" t="s">
        <v>80</v>
      </c>
      <c r="BI194" s="4" t="s">
        <v>81</v>
      </c>
      <c r="BJ194" s="5" t="s">
        <v>82</v>
      </c>
      <c r="BK194" s="4" t="s">
        <v>83</v>
      </c>
      <c r="BL194" s="5" t="s">
        <v>84</v>
      </c>
      <c r="BM194" s="4" t="s">
        <v>85</v>
      </c>
      <c r="BN194" s="5" t="s">
        <v>86</v>
      </c>
      <c r="BO194" s="4" t="s">
        <v>87</v>
      </c>
      <c r="BP194" s="5" t="s">
        <v>88</v>
      </c>
      <c r="BQ194" s="4" t="s">
        <v>89</v>
      </c>
      <c r="BR194" s="5" t="s">
        <v>90</v>
      </c>
      <c r="BS194" s="4" t="s">
        <v>91</v>
      </c>
      <c r="BT194" s="5" t="s">
        <v>92</v>
      </c>
      <c r="BU194" s="4" t="s">
        <v>93</v>
      </c>
      <c r="BV194" s="5" t="s">
        <v>94</v>
      </c>
    </row>
    <row r="195" spans="1:74" x14ac:dyDescent="0.4">
      <c r="A195" s="4" t="s">
        <v>21</v>
      </c>
      <c r="B195" s="5" t="s">
        <v>22</v>
      </c>
      <c r="C195" s="4" t="s">
        <v>23</v>
      </c>
      <c r="D195" s="5" t="s">
        <v>24</v>
      </c>
      <c r="E195" s="4" t="s">
        <v>25</v>
      </c>
      <c r="F195" s="5" t="s">
        <v>26</v>
      </c>
      <c r="G195" s="4" t="s">
        <v>27</v>
      </c>
      <c r="H195" s="5" t="s">
        <v>28</v>
      </c>
      <c r="I195" s="4" t="s">
        <v>29</v>
      </c>
      <c r="J195" s="5" t="s">
        <v>30</v>
      </c>
      <c r="K195" s="4" t="s">
        <v>31</v>
      </c>
      <c r="L195" s="5" t="s">
        <v>32</v>
      </c>
      <c r="M195" s="4" t="s">
        <v>33</v>
      </c>
      <c r="N195" s="5" t="s">
        <v>34</v>
      </c>
      <c r="O195" s="4" t="s">
        <v>35</v>
      </c>
      <c r="P195" s="5" t="s">
        <v>36</v>
      </c>
      <c r="Q195" s="4" t="s">
        <v>37</v>
      </c>
      <c r="R195" s="5" t="s">
        <v>38</v>
      </c>
      <c r="S195" s="4" t="s">
        <v>39</v>
      </c>
      <c r="T195" s="5" t="s">
        <v>40</v>
      </c>
      <c r="U195" s="4" t="s">
        <v>41</v>
      </c>
      <c r="V195" s="5" t="s">
        <v>42</v>
      </c>
      <c r="W195" s="4" t="s">
        <v>43</v>
      </c>
      <c r="X195" s="5" t="s">
        <v>44</v>
      </c>
      <c r="Y195" s="4" t="s">
        <v>45</v>
      </c>
      <c r="Z195" s="5" t="s">
        <v>46</v>
      </c>
      <c r="AA195" s="4" t="s">
        <v>47</v>
      </c>
      <c r="AB195" s="5" t="s">
        <v>48</v>
      </c>
      <c r="AC195" s="4" t="s">
        <v>49</v>
      </c>
      <c r="AD195" s="5" t="s">
        <v>50</v>
      </c>
      <c r="AE195" s="4" t="s">
        <v>51</v>
      </c>
      <c r="AF195" s="5" t="s">
        <v>52</v>
      </c>
      <c r="AG195" s="4" t="s">
        <v>53</v>
      </c>
      <c r="AH195" s="5" t="s">
        <v>54</v>
      </c>
      <c r="AI195" s="4" t="s">
        <v>55</v>
      </c>
      <c r="AJ195" s="5" t="s">
        <v>56</v>
      </c>
      <c r="AK195" s="4" t="s">
        <v>57</v>
      </c>
      <c r="AL195" s="5" t="s">
        <v>58</v>
      </c>
      <c r="AM195" s="4" t="s">
        <v>59</v>
      </c>
      <c r="AN195" s="5" t="s">
        <v>60</v>
      </c>
      <c r="AO195" s="4" t="s">
        <v>61</v>
      </c>
      <c r="AP195" s="5" t="s">
        <v>62</v>
      </c>
      <c r="AQ195" s="4" t="s">
        <v>63</v>
      </c>
      <c r="AR195" s="5" t="s">
        <v>64</v>
      </c>
      <c r="AS195" s="4" t="s">
        <v>65</v>
      </c>
      <c r="AT195" s="5" t="s">
        <v>66</v>
      </c>
      <c r="AU195" s="4" t="s">
        <v>67</v>
      </c>
      <c r="AV195" s="5" t="s">
        <v>68</v>
      </c>
      <c r="AW195" s="4" t="s">
        <v>69</v>
      </c>
      <c r="AX195" s="5" t="s">
        <v>70</v>
      </c>
      <c r="AY195" s="4" t="s">
        <v>71</v>
      </c>
      <c r="AZ195" s="5" t="s">
        <v>72</v>
      </c>
      <c r="BA195" s="4" t="s">
        <v>73</v>
      </c>
      <c r="BB195" s="5" t="s">
        <v>74</v>
      </c>
      <c r="BC195" s="4" t="s">
        <v>75</v>
      </c>
      <c r="BD195" s="5" t="s">
        <v>76</v>
      </c>
      <c r="BE195" s="4" t="s">
        <v>77</v>
      </c>
      <c r="BF195" s="5" t="s">
        <v>78</v>
      </c>
      <c r="BG195" s="4" t="s">
        <v>79</v>
      </c>
      <c r="BH195" s="5" t="s">
        <v>80</v>
      </c>
      <c r="BI195" s="4" t="s">
        <v>81</v>
      </c>
      <c r="BJ195" s="5" t="s">
        <v>82</v>
      </c>
      <c r="BK195" s="4" t="s">
        <v>83</v>
      </c>
      <c r="BL195" s="5" t="s">
        <v>84</v>
      </c>
      <c r="BM195" s="4" t="s">
        <v>85</v>
      </c>
      <c r="BN195" s="5" t="s">
        <v>86</v>
      </c>
      <c r="BO195" s="4" t="s">
        <v>87</v>
      </c>
      <c r="BP195" s="5" t="s">
        <v>88</v>
      </c>
      <c r="BQ195" s="4" t="s">
        <v>89</v>
      </c>
      <c r="BR195" s="5" t="s">
        <v>90</v>
      </c>
      <c r="BS195" s="4" t="s">
        <v>91</v>
      </c>
      <c r="BT195" s="5" t="s">
        <v>92</v>
      </c>
      <c r="BU195" s="4" t="s">
        <v>93</v>
      </c>
      <c r="BV195" s="5" t="s">
        <v>94</v>
      </c>
    </row>
    <row r="196" spans="1:74" x14ac:dyDescent="0.4">
      <c r="A196" s="4" t="s">
        <v>21</v>
      </c>
      <c r="B196" s="5" t="s">
        <v>22</v>
      </c>
      <c r="C196" s="4" t="s">
        <v>23</v>
      </c>
      <c r="D196" s="5" t="s">
        <v>24</v>
      </c>
      <c r="E196" s="4" t="s">
        <v>25</v>
      </c>
      <c r="F196" s="5" t="s">
        <v>26</v>
      </c>
      <c r="G196" s="4" t="s">
        <v>27</v>
      </c>
      <c r="H196" s="5" t="s">
        <v>28</v>
      </c>
      <c r="I196" s="4" t="s">
        <v>29</v>
      </c>
      <c r="J196" s="5" t="s">
        <v>30</v>
      </c>
      <c r="K196" s="4" t="s">
        <v>31</v>
      </c>
      <c r="L196" s="5" t="s">
        <v>32</v>
      </c>
      <c r="M196" s="4" t="s">
        <v>33</v>
      </c>
      <c r="N196" s="5" t="s">
        <v>34</v>
      </c>
      <c r="O196" s="4" t="s">
        <v>35</v>
      </c>
      <c r="P196" s="5" t="s">
        <v>36</v>
      </c>
      <c r="Q196" s="4" t="s">
        <v>37</v>
      </c>
      <c r="R196" s="5" t="s">
        <v>38</v>
      </c>
      <c r="S196" s="4" t="s">
        <v>39</v>
      </c>
      <c r="T196" s="5" t="s">
        <v>40</v>
      </c>
      <c r="U196" s="4" t="s">
        <v>41</v>
      </c>
      <c r="V196" s="5" t="s">
        <v>42</v>
      </c>
      <c r="W196" s="4" t="s">
        <v>43</v>
      </c>
      <c r="X196" s="5" t="s">
        <v>44</v>
      </c>
      <c r="Y196" s="4" t="s">
        <v>45</v>
      </c>
      <c r="Z196" s="5" t="s">
        <v>46</v>
      </c>
      <c r="AA196" s="4" t="s">
        <v>47</v>
      </c>
      <c r="AB196" s="5" t="s">
        <v>48</v>
      </c>
      <c r="AC196" s="4" t="s">
        <v>49</v>
      </c>
      <c r="AD196" s="5" t="s">
        <v>50</v>
      </c>
      <c r="AE196" s="4" t="s">
        <v>51</v>
      </c>
      <c r="AF196" s="5" t="s">
        <v>52</v>
      </c>
      <c r="AG196" s="4" t="s">
        <v>53</v>
      </c>
      <c r="AH196" s="5" t="s">
        <v>54</v>
      </c>
      <c r="AI196" s="4" t="s">
        <v>55</v>
      </c>
      <c r="AJ196" s="5" t="s">
        <v>56</v>
      </c>
      <c r="AK196" s="4" t="s">
        <v>57</v>
      </c>
      <c r="AL196" s="5" t="s">
        <v>58</v>
      </c>
      <c r="AM196" s="4" t="s">
        <v>59</v>
      </c>
      <c r="AN196" s="5" t="s">
        <v>60</v>
      </c>
      <c r="AO196" s="4" t="s">
        <v>61</v>
      </c>
      <c r="AP196" s="5" t="s">
        <v>62</v>
      </c>
      <c r="AQ196" s="4" t="s">
        <v>63</v>
      </c>
      <c r="AR196" s="5" t="s">
        <v>64</v>
      </c>
      <c r="AS196" s="4" t="s">
        <v>65</v>
      </c>
      <c r="AT196" s="5" t="s">
        <v>66</v>
      </c>
      <c r="AU196" s="4" t="s">
        <v>67</v>
      </c>
      <c r="AV196" s="5" t="s">
        <v>68</v>
      </c>
      <c r="AW196" s="4" t="s">
        <v>69</v>
      </c>
      <c r="AX196" s="5" t="s">
        <v>70</v>
      </c>
      <c r="AY196" s="4" t="s">
        <v>71</v>
      </c>
      <c r="AZ196" s="5" t="s">
        <v>72</v>
      </c>
      <c r="BA196" s="4" t="s">
        <v>73</v>
      </c>
      <c r="BB196" s="5" t="s">
        <v>74</v>
      </c>
      <c r="BC196" s="4" t="s">
        <v>75</v>
      </c>
      <c r="BD196" s="5" t="s">
        <v>76</v>
      </c>
      <c r="BE196" s="4" t="s">
        <v>77</v>
      </c>
      <c r="BF196" s="5" t="s">
        <v>78</v>
      </c>
      <c r="BG196" s="4" t="s">
        <v>79</v>
      </c>
      <c r="BH196" s="5" t="s">
        <v>80</v>
      </c>
      <c r="BI196" s="4" t="s">
        <v>81</v>
      </c>
      <c r="BJ196" s="5" t="s">
        <v>82</v>
      </c>
      <c r="BK196" s="4" t="s">
        <v>83</v>
      </c>
      <c r="BL196" s="5" t="s">
        <v>84</v>
      </c>
      <c r="BM196" s="4" t="s">
        <v>85</v>
      </c>
      <c r="BN196" s="5" t="s">
        <v>86</v>
      </c>
      <c r="BO196" s="4" t="s">
        <v>87</v>
      </c>
      <c r="BP196" s="5" t="s">
        <v>88</v>
      </c>
      <c r="BQ196" s="4" t="s">
        <v>89</v>
      </c>
      <c r="BR196" s="5" t="s">
        <v>90</v>
      </c>
      <c r="BS196" s="4" t="s">
        <v>91</v>
      </c>
      <c r="BT196" s="5" t="s">
        <v>92</v>
      </c>
      <c r="BU196" s="4" t="s">
        <v>93</v>
      </c>
      <c r="BV196" s="5" t="s">
        <v>94</v>
      </c>
    </row>
    <row r="197" spans="1:74" x14ac:dyDescent="0.4">
      <c r="A197" s="4" t="s">
        <v>21</v>
      </c>
      <c r="B197" s="5" t="s">
        <v>22</v>
      </c>
      <c r="C197" s="4" t="s">
        <v>23</v>
      </c>
      <c r="D197" s="5" t="s">
        <v>24</v>
      </c>
      <c r="E197" s="4" t="s">
        <v>25</v>
      </c>
      <c r="F197" s="5" t="s">
        <v>26</v>
      </c>
      <c r="G197" s="4" t="s">
        <v>27</v>
      </c>
      <c r="H197" s="5" t="s">
        <v>28</v>
      </c>
      <c r="I197" s="4" t="s">
        <v>29</v>
      </c>
      <c r="J197" s="5" t="s">
        <v>30</v>
      </c>
      <c r="K197" s="4" t="s">
        <v>31</v>
      </c>
      <c r="L197" s="5" t="s">
        <v>32</v>
      </c>
      <c r="M197" s="4" t="s">
        <v>33</v>
      </c>
      <c r="N197" s="5" t="s">
        <v>34</v>
      </c>
      <c r="O197" s="4" t="s">
        <v>35</v>
      </c>
      <c r="P197" s="5" t="s">
        <v>36</v>
      </c>
      <c r="Q197" s="4" t="s">
        <v>37</v>
      </c>
      <c r="R197" s="5" t="s">
        <v>38</v>
      </c>
      <c r="S197" s="4" t="s">
        <v>39</v>
      </c>
      <c r="T197" s="5" t="s">
        <v>40</v>
      </c>
      <c r="U197" s="4" t="s">
        <v>41</v>
      </c>
      <c r="V197" s="5" t="s">
        <v>42</v>
      </c>
      <c r="W197" s="4" t="s">
        <v>43</v>
      </c>
      <c r="X197" s="5" t="s">
        <v>44</v>
      </c>
      <c r="Y197" s="4" t="s">
        <v>45</v>
      </c>
      <c r="Z197" s="5" t="s">
        <v>46</v>
      </c>
      <c r="AA197" s="4" t="s">
        <v>47</v>
      </c>
      <c r="AB197" s="5" t="s">
        <v>48</v>
      </c>
      <c r="AC197" s="4" t="s">
        <v>49</v>
      </c>
      <c r="AD197" s="5" t="s">
        <v>50</v>
      </c>
      <c r="AE197" s="4" t="s">
        <v>51</v>
      </c>
      <c r="AF197" s="5" t="s">
        <v>52</v>
      </c>
      <c r="AG197" s="4" t="s">
        <v>53</v>
      </c>
      <c r="AH197" s="5" t="s">
        <v>54</v>
      </c>
      <c r="AI197" s="4" t="s">
        <v>55</v>
      </c>
      <c r="AJ197" s="5" t="s">
        <v>56</v>
      </c>
      <c r="AK197" s="4" t="s">
        <v>57</v>
      </c>
      <c r="AL197" s="5" t="s">
        <v>58</v>
      </c>
      <c r="AM197" s="4" t="s">
        <v>59</v>
      </c>
      <c r="AN197" s="5" t="s">
        <v>60</v>
      </c>
      <c r="AO197" s="4" t="s">
        <v>61</v>
      </c>
      <c r="AP197" s="5" t="s">
        <v>62</v>
      </c>
      <c r="AQ197" s="4" t="s">
        <v>63</v>
      </c>
      <c r="AR197" s="5" t="s">
        <v>64</v>
      </c>
      <c r="AS197" s="4" t="s">
        <v>65</v>
      </c>
      <c r="AT197" s="5" t="s">
        <v>66</v>
      </c>
      <c r="AU197" s="4" t="s">
        <v>67</v>
      </c>
      <c r="AV197" s="5" t="s">
        <v>68</v>
      </c>
      <c r="AW197" s="4" t="s">
        <v>69</v>
      </c>
      <c r="AX197" s="5" t="s">
        <v>70</v>
      </c>
      <c r="AY197" s="4" t="s">
        <v>71</v>
      </c>
      <c r="AZ197" s="5" t="s">
        <v>72</v>
      </c>
      <c r="BA197" s="4" t="s">
        <v>73</v>
      </c>
      <c r="BB197" s="5" t="s">
        <v>74</v>
      </c>
      <c r="BC197" s="4" t="s">
        <v>75</v>
      </c>
      <c r="BD197" s="5" t="s">
        <v>76</v>
      </c>
      <c r="BE197" s="4" t="s">
        <v>77</v>
      </c>
      <c r="BF197" s="5" t="s">
        <v>78</v>
      </c>
      <c r="BG197" s="4" t="s">
        <v>79</v>
      </c>
      <c r="BH197" s="5" t="s">
        <v>80</v>
      </c>
      <c r="BI197" s="4" t="s">
        <v>81</v>
      </c>
      <c r="BJ197" s="5" t="s">
        <v>82</v>
      </c>
      <c r="BK197" s="4" t="s">
        <v>83</v>
      </c>
      <c r="BL197" s="5" t="s">
        <v>84</v>
      </c>
      <c r="BM197" s="4" t="s">
        <v>85</v>
      </c>
      <c r="BN197" s="5" t="s">
        <v>86</v>
      </c>
      <c r="BO197" s="4" t="s">
        <v>87</v>
      </c>
      <c r="BP197" s="5" t="s">
        <v>88</v>
      </c>
      <c r="BQ197" s="4" t="s">
        <v>89</v>
      </c>
      <c r="BR197" s="5" t="s">
        <v>90</v>
      </c>
      <c r="BS197" s="4" t="s">
        <v>91</v>
      </c>
      <c r="BT197" s="5" t="s">
        <v>92</v>
      </c>
      <c r="BU197" s="4" t="s">
        <v>93</v>
      </c>
      <c r="BV197" s="5" t="s">
        <v>94</v>
      </c>
    </row>
    <row r="198" spans="1:74" x14ac:dyDescent="0.4">
      <c r="A198" s="4" t="s">
        <v>21</v>
      </c>
      <c r="B198" s="5" t="s">
        <v>22</v>
      </c>
      <c r="C198" s="4" t="s">
        <v>23</v>
      </c>
      <c r="D198" s="5" t="s">
        <v>24</v>
      </c>
      <c r="E198" s="4" t="s">
        <v>25</v>
      </c>
      <c r="F198" s="5" t="s">
        <v>26</v>
      </c>
      <c r="G198" s="4" t="s">
        <v>27</v>
      </c>
      <c r="H198" s="5" t="s">
        <v>28</v>
      </c>
      <c r="I198" s="4" t="s">
        <v>29</v>
      </c>
      <c r="J198" s="5" t="s">
        <v>30</v>
      </c>
      <c r="K198" s="4" t="s">
        <v>31</v>
      </c>
      <c r="L198" s="5" t="s">
        <v>32</v>
      </c>
      <c r="M198" s="4" t="s">
        <v>33</v>
      </c>
      <c r="N198" s="5" t="s">
        <v>34</v>
      </c>
      <c r="O198" s="4" t="s">
        <v>35</v>
      </c>
      <c r="P198" s="5" t="s">
        <v>36</v>
      </c>
      <c r="Q198" s="4" t="s">
        <v>37</v>
      </c>
      <c r="R198" s="5" t="s">
        <v>38</v>
      </c>
      <c r="S198" s="4" t="s">
        <v>39</v>
      </c>
      <c r="T198" s="5" t="s">
        <v>40</v>
      </c>
      <c r="U198" s="4" t="s">
        <v>41</v>
      </c>
      <c r="V198" s="5" t="s">
        <v>42</v>
      </c>
      <c r="W198" s="4" t="s">
        <v>43</v>
      </c>
      <c r="X198" s="5" t="s">
        <v>44</v>
      </c>
      <c r="Y198" s="4" t="s">
        <v>45</v>
      </c>
      <c r="Z198" s="5" t="s">
        <v>46</v>
      </c>
      <c r="AA198" s="4" t="s">
        <v>47</v>
      </c>
      <c r="AB198" s="5" t="s">
        <v>48</v>
      </c>
      <c r="AC198" s="4" t="s">
        <v>49</v>
      </c>
      <c r="AD198" s="5" t="s">
        <v>50</v>
      </c>
      <c r="AE198" s="4" t="s">
        <v>51</v>
      </c>
      <c r="AF198" s="5" t="s">
        <v>52</v>
      </c>
      <c r="AG198" s="4" t="s">
        <v>53</v>
      </c>
      <c r="AH198" s="5" t="s">
        <v>54</v>
      </c>
      <c r="AI198" s="4" t="s">
        <v>55</v>
      </c>
      <c r="AJ198" s="5" t="s">
        <v>56</v>
      </c>
      <c r="AK198" s="4" t="s">
        <v>57</v>
      </c>
      <c r="AL198" s="5" t="s">
        <v>58</v>
      </c>
      <c r="AM198" s="4" t="s">
        <v>59</v>
      </c>
      <c r="AN198" s="5" t="s">
        <v>60</v>
      </c>
      <c r="AO198" s="4" t="s">
        <v>61</v>
      </c>
      <c r="AP198" s="5" t="s">
        <v>62</v>
      </c>
      <c r="AQ198" s="4" t="s">
        <v>63</v>
      </c>
      <c r="AR198" s="5" t="s">
        <v>64</v>
      </c>
      <c r="AS198" s="4" t="s">
        <v>65</v>
      </c>
      <c r="AT198" s="5" t="s">
        <v>66</v>
      </c>
      <c r="AU198" s="4" t="s">
        <v>67</v>
      </c>
      <c r="AV198" s="5" t="s">
        <v>68</v>
      </c>
      <c r="AW198" s="4" t="s">
        <v>69</v>
      </c>
      <c r="AX198" s="5" t="s">
        <v>70</v>
      </c>
      <c r="AY198" s="4" t="s">
        <v>71</v>
      </c>
      <c r="AZ198" s="5" t="s">
        <v>72</v>
      </c>
      <c r="BA198" s="4" t="s">
        <v>73</v>
      </c>
      <c r="BB198" s="5" t="s">
        <v>74</v>
      </c>
      <c r="BC198" s="4" t="s">
        <v>75</v>
      </c>
      <c r="BD198" s="5" t="s">
        <v>76</v>
      </c>
      <c r="BE198" s="4" t="s">
        <v>77</v>
      </c>
      <c r="BF198" s="5" t="s">
        <v>78</v>
      </c>
      <c r="BG198" s="4" t="s">
        <v>79</v>
      </c>
      <c r="BH198" s="5" t="s">
        <v>80</v>
      </c>
      <c r="BI198" s="4" t="s">
        <v>81</v>
      </c>
      <c r="BJ198" s="5" t="s">
        <v>82</v>
      </c>
      <c r="BK198" s="4" t="s">
        <v>83</v>
      </c>
      <c r="BL198" s="5" t="s">
        <v>84</v>
      </c>
      <c r="BM198" s="4" t="s">
        <v>85</v>
      </c>
      <c r="BN198" s="5" t="s">
        <v>86</v>
      </c>
      <c r="BO198" s="4" t="s">
        <v>87</v>
      </c>
      <c r="BP198" s="5" t="s">
        <v>88</v>
      </c>
      <c r="BQ198" s="4" t="s">
        <v>89</v>
      </c>
      <c r="BR198" s="5" t="s">
        <v>90</v>
      </c>
      <c r="BS198" s="4" t="s">
        <v>91</v>
      </c>
      <c r="BT198" s="5" t="s">
        <v>92</v>
      </c>
      <c r="BU198" s="4" t="s">
        <v>93</v>
      </c>
      <c r="BV198" s="5" t="s">
        <v>94</v>
      </c>
    </row>
    <row r="199" spans="1:74" x14ac:dyDescent="0.4">
      <c r="A199" s="4" t="s">
        <v>21</v>
      </c>
      <c r="B199" s="5" t="s">
        <v>22</v>
      </c>
      <c r="C199" s="4" t="s">
        <v>23</v>
      </c>
      <c r="D199" s="5" t="s">
        <v>24</v>
      </c>
      <c r="E199" s="4" t="s">
        <v>25</v>
      </c>
      <c r="F199" s="5" t="s">
        <v>26</v>
      </c>
      <c r="G199" s="4" t="s">
        <v>27</v>
      </c>
      <c r="H199" s="5" t="s">
        <v>28</v>
      </c>
      <c r="I199" s="4" t="s">
        <v>29</v>
      </c>
      <c r="J199" s="5" t="s">
        <v>30</v>
      </c>
      <c r="K199" s="4" t="s">
        <v>31</v>
      </c>
      <c r="L199" s="5" t="s">
        <v>32</v>
      </c>
      <c r="M199" s="4" t="s">
        <v>33</v>
      </c>
      <c r="N199" s="5" t="s">
        <v>34</v>
      </c>
      <c r="O199" s="4" t="s">
        <v>35</v>
      </c>
      <c r="P199" s="5" t="s">
        <v>36</v>
      </c>
      <c r="Q199" s="4" t="s">
        <v>37</v>
      </c>
      <c r="R199" s="5" t="s">
        <v>38</v>
      </c>
      <c r="S199" s="4" t="s">
        <v>39</v>
      </c>
      <c r="T199" s="5" t="s">
        <v>40</v>
      </c>
      <c r="U199" s="4" t="s">
        <v>41</v>
      </c>
      <c r="V199" s="5" t="s">
        <v>42</v>
      </c>
      <c r="W199" s="4" t="s">
        <v>43</v>
      </c>
      <c r="X199" s="5" t="s">
        <v>44</v>
      </c>
      <c r="Y199" s="4" t="s">
        <v>45</v>
      </c>
      <c r="Z199" s="5" t="s">
        <v>46</v>
      </c>
      <c r="AA199" s="4" t="s">
        <v>47</v>
      </c>
      <c r="AB199" s="5" t="s">
        <v>48</v>
      </c>
      <c r="AC199" s="4" t="s">
        <v>49</v>
      </c>
      <c r="AD199" s="5" t="s">
        <v>50</v>
      </c>
      <c r="AE199" s="4" t="s">
        <v>51</v>
      </c>
      <c r="AF199" s="5" t="s">
        <v>52</v>
      </c>
      <c r="AG199" s="4" t="s">
        <v>53</v>
      </c>
      <c r="AH199" s="5" t="s">
        <v>54</v>
      </c>
      <c r="AI199" s="4" t="s">
        <v>55</v>
      </c>
      <c r="AJ199" s="5" t="s">
        <v>56</v>
      </c>
      <c r="AK199" s="4" t="s">
        <v>57</v>
      </c>
      <c r="AL199" s="5" t="s">
        <v>58</v>
      </c>
      <c r="AM199" s="4" t="s">
        <v>59</v>
      </c>
      <c r="AN199" s="5" t="s">
        <v>60</v>
      </c>
      <c r="AO199" s="4" t="s">
        <v>61</v>
      </c>
      <c r="AP199" s="5" t="s">
        <v>62</v>
      </c>
      <c r="AQ199" s="4" t="s">
        <v>63</v>
      </c>
      <c r="AR199" s="5" t="s">
        <v>64</v>
      </c>
      <c r="AS199" s="4" t="s">
        <v>65</v>
      </c>
      <c r="AT199" s="5" t="s">
        <v>66</v>
      </c>
      <c r="AU199" s="4" t="s">
        <v>67</v>
      </c>
      <c r="AV199" s="5" t="s">
        <v>68</v>
      </c>
      <c r="AW199" s="4" t="s">
        <v>69</v>
      </c>
      <c r="AX199" s="5" t="s">
        <v>70</v>
      </c>
      <c r="AY199" s="4" t="s">
        <v>71</v>
      </c>
      <c r="AZ199" s="5" t="s">
        <v>72</v>
      </c>
      <c r="BA199" s="4" t="s">
        <v>73</v>
      </c>
      <c r="BB199" s="5" t="s">
        <v>74</v>
      </c>
      <c r="BC199" s="4" t="s">
        <v>75</v>
      </c>
      <c r="BD199" s="5" t="s">
        <v>76</v>
      </c>
      <c r="BE199" s="4" t="s">
        <v>77</v>
      </c>
      <c r="BF199" s="5" t="s">
        <v>78</v>
      </c>
      <c r="BG199" s="4" t="s">
        <v>79</v>
      </c>
      <c r="BH199" s="5" t="s">
        <v>80</v>
      </c>
      <c r="BI199" s="4" t="s">
        <v>81</v>
      </c>
      <c r="BJ199" s="5" t="s">
        <v>82</v>
      </c>
      <c r="BK199" s="4" t="s">
        <v>83</v>
      </c>
      <c r="BL199" s="5" t="s">
        <v>84</v>
      </c>
      <c r="BM199" s="4" t="s">
        <v>85</v>
      </c>
      <c r="BN199" s="5" t="s">
        <v>86</v>
      </c>
      <c r="BO199" s="4" t="s">
        <v>87</v>
      </c>
      <c r="BP199" s="5" t="s">
        <v>88</v>
      </c>
      <c r="BQ199" s="4" t="s">
        <v>89</v>
      </c>
      <c r="BR199" s="5" t="s">
        <v>90</v>
      </c>
      <c r="BS199" s="4" t="s">
        <v>91</v>
      </c>
      <c r="BT199" s="5" t="s">
        <v>92</v>
      </c>
      <c r="BU199" s="4" t="s">
        <v>93</v>
      </c>
      <c r="BV199" s="5" t="s">
        <v>94</v>
      </c>
    </row>
    <row r="200" spans="1:74" x14ac:dyDescent="0.4">
      <c r="A200" s="4" t="s">
        <v>21</v>
      </c>
      <c r="B200" s="5" t="s">
        <v>22</v>
      </c>
      <c r="C200" s="4" t="s">
        <v>23</v>
      </c>
      <c r="D200" s="5" t="s">
        <v>24</v>
      </c>
      <c r="E200" s="4" t="s">
        <v>25</v>
      </c>
      <c r="F200" s="5" t="s">
        <v>26</v>
      </c>
      <c r="G200" s="4" t="s">
        <v>27</v>
      </c>
      <c r="H200" s="5" t="s">
        <v>28</v>
      </c>
      <c r="I200" s="4" t="s">
        <v>29</v>
      </c>
      <c r="J200" s="5" t="s">
        <v>30</v>
      </c>
      <c r="K200" s="4" t="s">
        <v>31</v>
      </c>
      <c r="L200" s="5" t="s">
        <v>32</v>
      </c>
      <c r="M200" s="4" t="s">
        <v>33</v>
      </c>
      <c r="N200" s="5" t="s">
        <v>34</v>
      </c>
      <c r="O200" s="4" t="s">
        <v>35</v>
      </c>
      <c r="P200" s="5" t="s">
        <v>36</v>
      </c>
      <c r="Q200" s="4" t="s">
        <v>37</v>
      </c>
      <c r="R200" s="5" t="s">
        <v>38</v>
      </c>
      <c r="S200" s="4" t="s">
        <v>39</v>
      </c>
      <c r="T200" s="5" t="s">
        <v>40</v>
      </c>
      <c r="U200" s="4" t="s">
        <v>41</v>
      </c>
      <c r="V200" s="5" t="s">
        <v>42</v>
      </c>
      <c r="W200" s="4" t="s">
        <v>43</v>
      </c>
      <c r="X200" s="5" t="s">
        <v>44</v>
      </c>
      <c r="Y200" s="4" t="s">
        <v>45</v>
      </c>
      <c r="Z200" s="5" t="s">
        <v>46</v>
      </c>
      <c r="AA200" s="4" t="s">
        <v>47</v>
      </c>
      <c r="AB200" s="5" t="s">
        <v>48</v>
      </c>
      <c r="AC200" s="4" t="s">
        <v>49</v>
      </c>
      <c r="AD200" s="5" t="s">
        <v>50</v>
      </c>
      <c r="AE200" s="4" t="s">
        <v>51</v>
      </c>
      <c r="AF200" s="5" t="s">
        <v>52</v>
      </c>
      <c r="AG200" s="4" t="s">
        <v>53</v>
      </c>
      <c r="AH200" s="5" t="s">
        <v>54</v>
      </c>
      <c r="AI200" s="4" t="s">
        <v>55</v>
      </c>
      <c r="AJ200" s="5" t="s">
        <v>56</v>
      </c>
      <c r="AK200" s="4" t="s">
        <v>57</v>
      </c>
      <c r="AL200" s="5" t="s">
        <v>58</v>
      </c>
      <c r="AM200" s="4" t="s">
        <v>59</v>
      </c>
      <c r="AN200" s="5" t="s">
        <v>60</v>
      </c>
      <c r="AO200" s="4" t="s">
        <v>61</v>
      </c>
      <c r="AP200" s="5" t="s">
        <v>62</v>
      </c>
      <c r="AQ200" s="4" t="s">
        <v>63</v>
      </c>
      <c r="AR200" s="5" t="s">
        <v>64</v>
      </c>
      <c r="AS200" s="4" t="s">
        <v>65</v>
      </c>
      <c r="AT200" s="5" t="s">
        <v>66</v>
      </c>
      <c r="AU200" s="4" t="s">
        <v>67</v>
      </c>
      <c r="AV200" s="5" t="s">
        <v>68</v>
      </c>
      <c r="AW200" s="4" t="s">
        <v>69</v>
      </c>
      <c r="AX200" s="5" t="s">
        <v>70</v>
      </c>
      <c r="AY200" s="4" t="s">
        <v>71</v>
      </c>
      <c r="AZ200" s="5" t="s">
        <v>72</v>
      </c>
      <c r="BA200" s="4" t="s">
        <v>73</v>
      </c>
      <c r="BB200" s="5" t="s">
        <v>74</v>
      </c>
      <c r="BC200" s="4" t="s">
        <v>75</v>
      </c>
      <c r="BD200" s="5" t="s">
        <v>76</v>
      </c>
      <c r="BE200" s="4" t="s">
        <v>77</v>
      </c>
      <c r="BF200" s="5" t="s">
        <v>78</v>
      </c>
      <c r="BG200" s="4" t="s">
        <v>79</v>
      </c>
      <c r="BH200" s="5" t="s">
        <v>80</v>
      </c>
      <c r="BI200" s="4" t="s">
        <v>81</v>
      </c>
      <c r="BJ200" s="5" t="s">
        <v>82</v>
      </c>
      <c r="BK200" s="4" t="s">
        <v>83</v>
      </c>
      <c r="BL200" s="5" t="s">
        <v>84</v>
      </c>
      <c r="BM200" s="4" t="s">
        <v>85</v>
      </c>
      <c r="BN200" s="5" t="s">
        <v>86</v>
      </c>
      <c r="BO200" s="4" t="s">
        <v>87</v>
      </c>
      <c r="BP200" s="5" t="s">
        <v>88</v>
      </c>
      <c r="BQ200" s="4" t="s">
        <v>89</v>
      </c>
      <c r="BR200" s="5" t="s">
        <v>90</v>
      </c>
      <c r="BS200" s="4" t="s">
        <v>91</v>
      </c>
      <c r="BT200" s="5" t="s">
        <v>92</v>
      </c>
      <c r="BU200" s="4" t="s">
        <v>93</v>
      </c>
      <c r="BV200" s="5" t="s">
        <v>94</v>
      </c>
    </row>
    <row r="201" spans="1:74" x14ac:dyDescent="0.4">
      <c r="A201" s="4" t="s">
        <v>21</v>
      </c>
      <c r="B201" s="5" t="s">
        <v>22</v>
      </c>
      <c r="C201" s="4" t="s">
        <v>23</v>
      </c>
      <c r="D201" s="5" t="s">
        <v>24</v>
      </c>
      <c r="E201" s="4" t="s">
        <v>25</v>
      </c>
      <c r="F201" s="5" t="s">
        <v>26</v>
      </c>
      <c r="G201" s="4" t="s">
        <v>27</v>
      </c>
      <c r="H201" s="5" t="s">
        <v>28</v>
      </c>
      <c r="I201" s="4" t="s">
        <v>29</v>
      </c>
      <c r="J201" s="5" t="s">
        <v>30</v>
      </c>
      <c r="K201" s="4" t="s">
        <v>31</v>
      </c>
      <c r="L201" s="5" t="s">
        <v>32</v>
      </c>
      <c r="M201" s="4" t="s">
        <v>33</v>
      </c>
      <c r="N201" s="5" t="s">
        <v>34</v>
      </c>
      <c r="O201" s="4" t="s">
        <v>35</v>
      </c>
      <c r="P201" s="5" t="s">
        <v>36</v>
      </c>
      <c r="Q201" s="4" t="s">
        <v>37</v>
      </c>
      <c r="R201" s="5" t="s">
        <v>38</v>
      </c>
      <c r="S201" s="4" t="s">
        <v>39</v>
      </c>
      <c r="T201" s="5" t="s">
        <v>40</v>
      </c>
      <c r="U201" s="4" t="s">
        <v>41</v>
      </c>
      <c r="V201" s="5" t="s">
        <v>42</v>
      </c>
      <c r="W201" s="4" t="s">
        <v>43</v>
      </c>
      <c r="X201" s="5" t="s">
        <v>44</v>
      </c>
      <c r="Y201" s="4" t="s">
        <v>45</v>
      </c>
      <c r="Z201" s="5" t="s">
        <v>46</v>
      </c>
      <c r="AA201" s="4" t="s">
        <v>47</v>
      </c>
      <c r="AB201" s="5" t="s">
        <v>48</v>
      </c>
      <c r="AC201" s="4" t="s">
        <v>49</v>
      </c>
      <c r="AD201" s="5" t="s">
        <v>50</v>
      </c>
      <c r="AE201" s="4" t="s">
        <v>51</v>
      </c>
      <c r="AF201" s="5" t="s">
        <v>52</v>
      </c>
      <c r="AG201" s="4" t="s">
        <v>53</v>
      </c>
      <c r="AH201" s="5" t="s">
        <v>54</v>
      </c>
      <c r="AI201" s="4" t="s">
        <v>55</v>
      </c>
      <c r="AJ201" s="5" t="s">
        <v>56</v>
      </c>
      <c r="AK201" s="4" t="s">
        <v>57</v>
      </c>
      <c r="AL201" s="5" t="s">
        <v>58</v>
      </c>
      <c r="AM201" s="4" t="s">
        <v>59</v>
      </c>
      <c r="AN201" s="5" t="s">
        <v>60</v>
      </c>
      <c r="AO201" s="4" t="s">
        <v>61</v>
      </c>
      <c r="AP201" s="5" t="s">
        <v>62</v>
      </c>
      <c r="AQ201" s="4" t="s">
        <v>63</v>
      </c>
      <c r="AR201" s="5" t="s">
        <v>64</v>
      </c>
      <c r="AS201" s="4" t="s">
        <v>65</v>
      </c>
      <c r="AT201" s="5" t="s">
        <v>66</v>
      </c>
      <c r="AU201" s="4" t="s">
        <v>67</v>
      </c>
      <c r="AV201" s="5" t="s">
        <v>68</v>
      </c>
      <c r="AW201" s="4" t="s">
        <v>69</v>
      </c>
      <c r="AX201" s="5" t="s">
        <v>70</v>
      </c>
      <c r="AY201" s="4" t="s">
        <v>71</v>
      </c>
      <c r="AZ201" s="5" t="s">
        <v>72</v>
      </c>
      <c r="BA201" s="4" t="s">
        <v>73</v>
      </c>
      <c r="BB201" s="5" t="s">
        <v>74</v>
      </c>
      <c r="BC201" s="4" t="s">
        <v>75</v>
      </c>
      <c r="BD201" s="5" t="s">
        <v>76</v>
      </c>
      <c r="BE201" s="4" t="s">
        <v>77</v>
      </c>
      <c r="BF201" s="5" t="s">
        <v>78</v>
      </c>
      <c r="BG201" s="4" t="s">
        <v>79</v>
      </c>
      <c r="BH201" s="5" t="s">
        <v>80</v>
      </c>
      <c r="BI201" s="4" t="s">
        <v>81</v>
      </c>
      <c r="BJ201" s="5" t="s">
        <v>82</v>
      </c>
      <c r="BK201" s="4" t="s">
        <v>83</v>
      </c>
      <c r="BL201" s="5" t="s">
        <v>84</v>
      </c>
      <c r="BM201" s="4" t="s">
        <v>85</v>
      </c>
      <c r="BN201" s="5" t="s">
        <v>86</v>
      </c>
      <c r="BO201" s="4" t="s">
        <v>87</v>
      </c>
      <c r="BP201" s="5" t="s">
        <v>88</v>
      </c>
      <c r="BQ201" s="4" t="s">
        <v>89</v>
      </c>
      <c r="BR201" s="5" t="s">
        <v>90</v>
      </c>
      <c r="BS201" s="4" t="s">
        <v>91</v>
      </c>
      <c r="BT201" s="5" t="s">
        <v>92</v>
      </c>
      <c r="BU201" s="4" t="s">
        <v>93</v>
      </c>
      <c r="BV201" s="5" t="s">
        <v>94</v>
      </c>
    </row>
    <row r="202" spans="1:74" x14ac:dyDescent="0.4">
      <c r="A202" s="4" t="s">
        <v>21</v>
      </c>
      <c r="B202" s="5" t="s">
        <v>22</v>
      </c>
      <c r="C202" s="4" t="s">
        <v>23</v>
      </c>
      <c r="D202" s="5" t="s">
        <v>24</v>
      </c>
      <c r="E202" s="4" t="s">
        <v>25</v>
      </c>
      <c r="F202" s="5" t="s">
        <v>26</v>
      </c>
      <c r="G202" s="4" t="s">
        <v>27</v>
      </c>
      <c r="H202" s="5" t="s">
        <v>28</v>
      </c>
      <c r="I202" s="4" t="s">
        <v>29</v>
      </c>
      <c r="J202" s="5" t="s">
        <v>30</v>
      </c>
      <c r="K202" s="4" t="s">
        <v>31</v>
      </c>
      <c r="L202" s="5" t="s">
        <v>32</v>
      </c>
      <c r="M202" s="4" t="s">
        <v>33</v>
      </c>
      <c r="N202" s="5" t="s">
        <v>34</v>
      </c>
      <c r="O202" s="4" t="s">
        <v>35</v>
      </c>
      <c r="P202" s="5" t="s">
        <v>36</v>
      </c>
      <c r="Q202" s="4" t="s">
        <v>37</v>
      </c>
      <c r="R202" s="5" t="s">
        <v>38</v>
      </c>
      <c r="S202" s="4" t="s">
        <v>39</v>
      </c>
      <c r="T202" s="5" t="s">
        <v>40</v>
      </c>
      <c r="U202" s="4" t="s">
        <v>41</v>
      </c>
      <c r="V202" s="5" t="s">
        <v>42</v>
      </c>
      <c r="W202" s="4" t="s">
        <v>43</v>
      </c>
      <c r="X202" s="5" t="s">
        <v>44</v>
      </c>
      <c r="Y202" s="4" t="s">
        <v>45</v>
      </c>
      <c r="Z202" s="5" t="s">
        <v>46</v>
      </c>
      <c r="AA202" s="4" t="s">
        <v>47</v>
      </c>
      <c r="AB202" s="5" t="s">
        <v>48</v>
      </c>
      <c r="AC202" s="4" t="s">
        <v>49</v>
      </c>
      <c r="AD202" s="5" t="s">
        <v>50</v>
      </c>
      <c r="AE202" s="4" t="s">
        <v>51</v>
      </c>
      <c r="AF202" s="5" t="s">
        <v>52</v>
      </c>
      <c r="AG202" s="4" t="s">
        <v>53</v>
      </c>
      <c r="AH202" s="5" t="s">
        <v>54</v>
      </c>
      <c r="AI202" s="4" t="s">
        <v>55</v>
      </c>
      <c r="AJ202" s="5" t="s">
        <v>56</v>
      </c>
      <c r="AK202" s="4" t="s">
        <v>57</v>
      </c>
      <c r="AL202" s="5" t="s">
        <v>58</v>
      </c>
      <c r="AM202" s="4" t="s">
        <v>59</v>
      </c>
      <c r="AN202" s="5" t="s">
        <v>60</v>
      </c>
      <c r="AO202" s="4" t="s">
        <v>61</v>
      </c>
      <c r="AP202" s="5" t="s">
        <v>62</v>
      </c>
      <c r="AQ202" s="4" t="s">
        <v>63</v>
      </c>
      <c r="AR202" s="5" t="s">
        <v>64</v>
      </c>
      <c r="AS202" s="4" t="s">
        <v>65</v>
      </c>
      <c r="AT202" s="5" t="s">
        <v>66</v>
      </c>
      <c r="AU202" s="4" t="s">
        <v>67</v>
      </c>
      <c r="AV202" s="5" t="s">
        <v>68</v>
      </c>
      <c r="AW202" s="4" t="s">
        <v>69</v>
      </c>
      <c r="AX202" s="5" t="s">
        <v>70</v>
      </c>
      <c r="AY202" s="4" t="s">
        <v>71</v>
      </c>
      <c r="AZ202" s="5" t="s">
        <v>72</v>
      </c>
      <c r="BA202" s="4" t="s">
        <v>73</v>
      </c>
      <c r="BB202" s="5" t="s">
        <v>74</v>
      </c>
      <c r="BC202" s="4" t="s">
        <v>75</v>
      </c>
      <c r="BD202" s="5" t="s">
        <v>76</v>
      </c>
      <c r="BE202" s="4" t="s">
        <v>77</v>
      </c>
      <c r="BF202" s="5" t="s">
        <v>78</v>
      </c>
      <c r="BG202" s="4" t="s">
        <v>79</v>
      </c>
      <c r="BH202" s="5" t="s">
        <v>80</v>
      </c>
      <c r="BI202" s="4" t="s">
        <v>81</v>
      </c>
      <c r="BJ202" s="5" t="s">
        <v>82</v>
      </c>
      <c r="BK202" s="4" t="s">
        <v>83</v>
      </c>
      <c r="BL202" s="5" t="s">
        <v>84</v>
      </c>
      <c r="BM202" s="4" t="s">
        <v>85</v>
      </c>
      <c r="BN202" s="5" t="s">
        <v>86</v>
      </c>
      <c r="BO202" s="4" t="s">
        <v>87</v>
      </c>
      <c r="BP202" s="5" t="s">
        <v>88</v>
      </c>
      <c r="BQ202" s="4" t="s">
        <v>89</v>
      </c>
      <c r="BR202" s="5" t="s">
        <v>90</v>
      </c>
      <c r="BS202" s="4" t="s">
        <v>91</v>
      </c>
      <c r="BT202" s="5" t="s">
        <v>92</v>
      </c>
      <c r="BU202" s="4" t="s">
        <v>93</v>
      </c>
      <c r="BV202" s="5" t="s">
        <v>94</v>
      </c>
    </row>
    <row r="203" spans="1:74" x14ac:dyDescent="0.4">
      <c r="A203" s="4" t="s">
        <v>21</v>
      </c>
      <c r="B203" s="5" t="s">
        <v>22</v>
      </c>
      <c r="C203" s="4" t="s">
        <v>23</v>
      </c>
      <c r="D203" s="5" t="s">
        <v>24</v>
      </c>
      <c r="E203" s="4" t="s">
        <v>25</v>
      </c>
      <c r="F203" s="5" t="s">
        <v>26</v>
      </c>
      <c r="G203" s="4" t="s">
        <v>27</v>
      </c>
      <c r="H203" s="5" t="s">
        <v>28</v>
      </c>
      <c r="I203" s="4" t="s">
        <v>29</v>
      </c>
      <c r="J203" s="5" t="s">
        <v>30</v>
      </c>
      <c r="K203" s="4" t="s">
        <v>31</v>
      </c>
      <c r="L203" s="5" t="s">
        <v>32</v>
      </c>
      <c r="M203" s="4" t="s">
        <v>33</v>
      </c>
      <c r="N203" s="5" t="s">
        <v>34</v>
      </c>
      <c r="O203" s="4" t="s">
        <v>35</v>
      </c>
      <c r="P203" s="5" t="s">
        <v>36</v>
      </c>
      <c r="Q203" s="4" t="s">
        <v>37</v>
      </c>
      <c r="R203" s="5" t="s">
        <v>38</v>
      </c>
      <c r="S203" s="4" t="s">
        <v>39</v>
      </c>
      <c r="T203" s="5" t="s">
        <v>40</v>
      </c>
      <c r="U203" s="4" t="s">
        <v>41</v>
      </c>
      <c r="V203" s="5" t="s">
        <v>42</v>
      </c>
      <c r="W203" s="4" t="s">
        <v>43</v>
      </c>
      <c r="X203" s="5" t="s">
        <v>44</v>
      </c>
      <c r="Y203" s="4" t="s">
        <v>45</v>
      </c>
      <c r="Z203" s="5" t="s">
        <v>46</v>
      </c>
      <c r="AA203" s="4" t="s">
        <v>47</v>
      </c>
      <c r="AB203" s="5" t="s">
        <v>48</v>
      </c>
      <c r="AC203" s="4" t="s">
        <v>49</v>
      </c>
      <c r="AD203" s="5" t="s">
        <v>50</v>
      </c>
      <c r="AE203" s="4" t="s">
        <v>51</v>
      </c>
      <c r="AF203" s="5" t="s">
        <v>52</v>
      </c>
      <c r="AG203" s="4" t="s">
        <v>53</v>
      </c>
      <c r="AH203" s="5" t="s">
        <v>54</v>
      </c>
      <c r="AI203" s="4" t="s">
        <v>55</v>
      </c>
      <c r="AJ203" s="5" t="s">
        <v>56</v>
      </c>
      <c r="AK203" s="4" t="s">
        <v>57</v>
      </c>
      <c r="AL203" s="5" t="s">
        <v>58</v>
      </c>
      <c r="AM203" s="4" t="s">
        <v>59</v>
      </c>
      <c r="AN203" s="5" t="s">
        <v>60</v>
      </c>
      <c r="AO203" s="4" t="s">
        <v>61</v>
      </c>
      <c r="AP203" s="5" t="s">
        <v>62</v>
      </c>
      <c r="AQ203" s="4" t="s">
        <v>63</v>
      </c>
      <c r="AR203" s="5" t="s">
        <v>64</v>
      </c>
      <c r="AS203" s="4" t="s">
        <v>65</v>
      </c>
      <c r="AT203" s="5" t="s">
        <v>66</v>
      </c>
      <c r="AU203" s="4" t="s">
        <v>67</v>
      </c>
      <c r="AV203" s="5" t="s">
        <v>68</v>
      </c>
      <c r="AW203" s="4" t="s">
        <v>69</v>
      </c>
      <c r="AX203" s="5" t="s">
        <v>70</v>
      </c>
      <c r="AY203" s="4" t="s">
        <v>71</v>
      </c>
      <c r="AZ203" s="5" t="s">
        <v>72</v>
      </c>
      <c r="BA203" s="4" t="s">
        <v>73</v>
      </c>
      <c r="BB203" s="5" t="s">
        <v>74</v>
      </c>
      <c r="BC203" s="4" t="s">
        <v>75</v>
      </c>
      <c r="BD203" s="5" t="s">
        <v>76</v>
      </c>
      <c r="BE203" s="4" t="s">
        <v>77</v>
      </c>
      <c r="BF203" s="5" t="s">
        <v>78</v>
      </c>
      <c r="BG203" s="4" t="s">
        <v>79</v>
      </c>
      <c r="BH203" s="5" t="s">
        <v>80</v>
      </c>
      <c r="BI203" s="4" t="s">
        <v>81</v>
      </c>
      <c r="BJ203" s="5" t="s">
        <v>82</v>
      </c>
      <c r="BK203" s="4" t="s">
        <v>83</v>
      </c>
      <c r="BL203" s="5" t="s">
        <v>84</v>
      </c>
      <c r="BM203" s="4" t="s">
        <v>85</v>
      </c>
      <c r="BN203" s="5" t="s">
        <v>86</v>
      </c>
      <c r="BO203" s="4" t="s">
        <v>87</v>
      </c>
      <c r="BP203" s="5" t="s">
        <v>88</v>
      </c>
      <c r="BQ203" s="4" t="s">
        <v>89</v>
      </c>
      <c r="BR203" s="5" t="s">
        <v>90</v>
      </c>
      <c r="BS203" s="4" t="s">
        <v>91</v>
      </c>
      <c r="BT203" s="5" t="s">
        <v>92</v>
      </c>
      <c r="BU203" s="4" t="s">
        <v>93</v>
      </c>
      <c r="BV203" s="5" t="s">
        <v>94</v>
      </c>
    </row>
    <row r="204" spans="1:74" x14ac:dyDescent="0.4">
      <c r="A204" s="4" t="s">
        <v>21</v>
      </c>
      <c r="B204" s="5" t="s">
        <v>22</v>
      </c>
      <c r="C204" s="4" t="s">
        <v>23</v>
      </c>
      <c r="D204" s="5" t="s">
        <v>24</v>
      </c>
      <c r="E204" s="4" t="s">
        <v>25</v>
      </c>
      <c r="F204" s="5" t="s">
        <v>26</v>
      </c>
      <c r="G204" s="4" t="s">
        <v>27</v>
      </c>
      <c r="H204" s="5" t="s">
        <v>28</v>
      </c>
      <c r="I204" s="4" t="s">
        <v>29</v>
      </c>
      <c r="J204" s="5" t="s">
        <v>30</v>
      </c>
      <c r="K204" s="4" t="s">
        <v>31</v>
      </c>
      <c r="L204" s="5" t="s">
        <v>32</v>
      </c>
      <c r="M204" s="4" t="s">
        <v>33</v>
      </c>
      <c r="N204" s="5" t="s">
        <v>34</v>
      </c>
      <c r="O204" s="4" t="s">
        <v>35</v>
      </c>
      <c r="P204" s="5" t="s">
        <v>36</v>
      </c>
      <c r="Q204" s="4" t="s">
        <v>37</v>
      </c>
      <c r="R204" s="5" t="s">
        <v>38</v>
      </c>
      <c r="S204" s="4" t="s">
        <v>39</v>
      </c>
      <c r="T204" s="5" t="s">
        <v>40</v>
      </c>
      <c r="U204" s="4" t="s">
        <v>41</v>
      </c>
      <c r="V204" s="5" t="s">
        <v>42</v>
      </c>
      <c r="W204" s="4" t="s">
        <v>43</v>
      </c>
      <c r="X204" s="5" t="s">
        <v>44</v>
      </c>
      <c r="Y204" s="4" t="s">
        <v>45</v>
      </c>
      <c r="Z204" s="5" t="s">
        <v>46</v>
      </c>
      <c r="AA204" s="4" t="s">
        <v>47</v>
      </c>
      <c r="AB204" s="5" t="s">
        <v>48</v>
      </c>
      <c r="AC204" s="4" t="s">
        <v>49</v>
      </c>
      <c r="AD204" s="5" t="s">
        <v>50</v>
      </c>
      <c r="AE204" s="4" t="s">
        <v>51</v>
      </c>
      <c r="AF204" s="5" t="s">
        <v>52</v>
      </c>
      <c r="AG204" s="4" t="s">
        <v>53</v>
      </c>
      <c r="AH204" s="5" t="s">
        <v>54</v>
      </c>
      <c r="AI204" s="4" t="s">
        <v>55</v>
      </c>
      <c r="AJ204" s="5" t="s">
        <v>56</v>
      </c>
      <c r="AK204" s="4" t="s">
        <v>57</v>
      </c>
      <c r="AL204" s="5" t="s">
        <v>58</v>
      </c>
      <c r="AM204" s="4" t="s">
        <v>59</v>
      </c>
      <c r="AN204" s="5" t="s">
        <v>60</v>
      </c>
      <c r="AO204" s="4" t="s">
        <v>61</v>
      </c>
      <c r="AP204" s="5" t="s">
        <v>62</v>
      </c>
      <c r="AQ204" s="4" t="s">
        <v>63</v>
      </c>
      <c r="AR204" s="5" t="s">
        <v>64</v>
      </c>
      <c r="AS204" s="4" t="s">
        <v>65</v>
      </c>
      <c r="AT204" s="5" t="s">
        <v>66</v>
      </c>
      <c r="AU204" s="4" t="s">
        <v>67</v>
      </c>
      <c r="AV204" s="5" t="s">
        <v>68</v>
      </c>
      <c r="AW204" s="4" t="s">
        <v>69</v>
      </c>
      <c r="AX204" s="5" t="s">
        <v>70</v>
      </c>
      <c r="AY204" s="4" t="s">
        <v>71</v>
      </c>
      <c r="AZ204" s="5" t="s">
        <v>72</v>
      </c>
      <c r="BA204" s="4" t="s">
        <v>73</v>
      </c>
      <c r="BB204" s="5" t="s">
        <v>74</v>
      </c>
      <c r="BC204" s="4" t="s">
        <v>75</v>
      </c>
      <c r="BD204" s="5" t="s">
        <v>76</v>
      </c>
      <c r="BE204" s="4" t="s">
        <v>77</v>
      </c>
      <c r="BF204" s="5" t="s">
        <v>78</v>
      </c>
      <c r="BG204" s="4" t="s">
        <v>79</v>
      </c>
      <c r="BH204" s="5" t="s">
        <v>80</v>
      </c>
      <c r="BI204" s="4" t="s">
        <v>81</v>
      </c>
      <c r="BJ204" s="5" t="s">
        <v>82</v>
      </c>
      <c r="BK204" s="4" t="s">
        <v>83</v>
      </c>
      <c r="BL204" s="5" t="s">
        <v>84</v>
      </c>
      <c r="BM204" s="4" t="s">
        <v>85</v>
      </c>
      <c r="BN204" s="5" t="s">
        <v>86</v>
      </c>
      <c r="BO204" s="4" t="s">
        <v>87</v>
      </c>
      <c r="BP204" s="5" t="s">
        <v>88</v>
      </c>
      <c r="BQ204" s="4" t="s">
        <v>89</v>
      </c>
      <c r="BR204" s="5" t="s">
        <v>90</v>
      </c>
      <c r="BS204" s="4" t="s">
        <v>91</v>
      </c>
      <c r="BT204" s="5" t="s">
        <v>92</v>
      </c>
      <c r="BU204" s="4" t="s">
        <v>93</v>
      </c>
      <c r="BV204" s="5" t="s">
        <v>94</v>
      </c>
    </row>
    <row r="205" spans="1:74" x14ac:dyDescent="0.4">
      <c r="A205" s="4" t="s">
        <v>21</v>
      </c>
      <c r="B205" s="5" t="s">
        <v>22</v>
      </c>
      <c r="C205" s="4" t="s">
        <v>23</v>
      </c>
      <c r="D205" s="5" t="s">
        <v>24</v>
      </c>
      <c r="E205" s="4" t="s">
        <v>25</v>
      </c>
      <c r="F205" s="5" t="s">
        <v>26</v>
      </c>
      <c r="G205" s="4" t="s">
        <v>27</v>
      </c>
      <c r="H205" s="5" t="s">
        <v>28</v>
      </c>
      <c r="I205" s="4" t="s">
        <v>29</v>
      </c>
      <c r="J205" s="5" t="s">
        <v>30</v>
      </c>
      <c r="K205" s="4" t="s">
        <v>31</v>
      </c>
      <c r="L205" s="5" t="s">
        <v>32</v>
      </c>
      <c r="M205" s="4" t="s">
        <v>33</v>
      </c>
      <c r="N205" s="5" t="s">
        <v>34</v>
      </c>
      <c r="O205" s="4" t="s">
        <v>35</v>
      </c>
      <c r="P205" s="5" t="s">
        <v>36</v>
      </c>
      <c r="Q205" s="4" t="s">
        <v>37</v>
      </c>
      <c r="R205" s="5" t="s">
        <v>38</v>
      </c>
      <c r="S205" s="4" t="s">
        <v>39</v>
      </c>
      <c r="T205" s="5" t="s">
        <v>40</v>
      </c>
      <c r="U205" s="4" t="s">
        <v>41</v>
      </c>
      <c r="V205" s="5" t="s">
        <v>42</v>
      </c>
      <c r="W205" s="4" t="s">
        <v>43</v>
      </c>
      <c r="X205" s="5" t="s">
        <v>44</v>
      </c>
      <c r="Y205" s="4" t="s">
        <v>45</v>
      </c>
      <c r="Z205" s="5" t="s">
        <v>46</v>
      </c>
      <c r="AA205" s="4" t="s">
        <v>47</v>
      </c>
      <c r="AB205" s="5" t="s">
        <v>48</v>
      </c>
      <c r="AC205" s="4" t="s">
        <v>49</v>
      </c>
      <c r="AD205" s="5" t="s">
        <v>50</v>
      </c>
      <c r="AE205" s="4" t="s">
        <v>51</v>
      </c>
      <c r="AF205" s="5" t="s">
        <v>52</v>
      </c>
      <c r="AG205" s="4" t="s">
        <v>53</v>
      </c>
      <c r="AH205" s="5" t="s">
        <v>54</v>
      </c>
      <c r="AI205" s="4" t="s">
        <v>55</v>
      </c>
      <c r="AJ205" s="5" t="s">
        <v>56</v>
      </c>
      <c r="AK205" s="4" t="s">
        <v>57</v>
      </c>
      <c r="AL205" s="5" t="s">
        <v>58</v>
      </c>
      <c r="AM205" s="4" t="s">
        <v>59</v>
      </c>
      <c r="AN205" s="5" t="s">
        <v>60</v>
      </c>
      <c r="AO205" s="4" t="s">
        <v>61</v>
      </c>
      <c r="AP205" s="5" t="s">
        <v>62</v>
      </c>
      <c r="AQ205" s="4" t="s">
        <v>63</v>
      </c>
      <c r="AR205" s="5" t="s">
        <v>64</v>
      </c>
      <c r="AS205" s="4" t="s">
        <v>65</v>
      </c>
      <c r="AT205" s="5" t="s">
        <v>66</v>
      </c>
      <c r="AU205" s="4" t="s">
        <v>67</v>
      </c>
      <c r="AV205" s="5" t="s">
        <v>68</v>
      </c>
      <c r="AW205" s="4" t="s">
        <v>69</v>
      </c>
      <c r="AX205" s="5" t="s">
        <v>70</v>
      </c>
      <c r="AY205" s="4" t="s">
        <v>71</v>
      </c>
      <c r="AZ205" s="5" t="s">
        <v>72</v>
      </c>
      <c r="BA205" s="4" t="s">
        <v>73</v>
      </c>
      <c r="BB205" s="5" t="s">
        <v>74</v>
      </c>
      <c r="BC205" s="4" t="s">
        <v>75</v>
      </c>
      <c r="BD205" s="5" t="s">
        <v>76</v>
      </c>
      <c r="BE205" s="4" t="s">
        <v>77</v>
      </c>
      <c r="BF205" s="5" t="s">
        <v>78</v>
      </c>
      <c r="BG205" s="4" t="s">
        <v>79</v>
      </c>
      <c r="BH205" s="5" t="s">
        <v>80</v>
      </c>
      <c r="BI205" s="4" t="s">
        <v>81</v>
      </c>
      <c r="BJ205" s="5" t="s">
        <v>82</v>
      </c>
      <c r="BK205" s="4" t="s">
        <v>83</v>
      </c>
      <c r="BL205" s="5" t="s">
        <v>84</v>
      </c>
      <c r="BM205" s="4" t="s">
        <v>85</v>
      </c>
      <c r="BN205" s="5" t="s">
        <v>86</v>
      </c>
      <c r="BO205" s="4" t="s">
        <v>87</v>
      </c>
      <c r="BP205" s="5" t="s">
        <v>88</v>
      </c>
      <c r="BQ205" s="4" t="s">
        <v>89</v>
      </c>
      <c r="BR205" s="5" t="s">
        <v>90</v>
      </c>
      <c r="BS205" s="4" t="s">
        <v>91</v>
      </c>
      <c r="BT205" s="5" t="s">
        <v>92</v>
      </c>
      <c r="BU205" s="4" t="s">
        <v>93</v>
      </c>
      <c r="BV205" s="5" t="s">
        <v>94</v>
      </c>
    </row>
    <row r="206" spans="1:74" x14ac:dyDescent="0.4">
      <c r="A206" s="4" t="s">
        <v>21</v>
      </c>
      <c r="B206" s="5" t="s">
        <v>22</v>
      </c>
      <c r="C206" s="4" t="s">
        <v>23</v>
      </c>
      <c r="D206" s="5" t="s">
        <v>24</v>
      </c>
      <c r="E206" s="4" t="s">
        <v>25</v>
      </c>
      <c r="F206" s="5" t="s">
        <v>26</v>
      </c>
      <c r="G206" s="4" t="s">
        <v>27</v>
      </c>
      <c r="H206" s="5" t="s">
        <v>28</v>
      </c>
      <c r="I206" s="4" t="s">
        <v>29</v>
      </c>
      <c r="J206" s="5" t="s">
        <v>30</v>
      </c>
      <c r="K206" s="4" t="s">
        <v>31</v>
      </c>
      <c r="L206" s="5" t="s">
        <v>32</v>
      </c>
      <c r="M206" s="4" t="s">
        <v>33</v>
      </c>
      <c r="N206" s="5" t="s">
        <v>34</v>
      </c>
      <c r="O206" s="4" t="s">
        <v>35</v>
      </c>
      <c r="P206" s="5" t="s">
        <v>36</v>
      </c>
      <c r="Q206" s="4" t="s">
        <v>37</v>
      </c>
      <c r="R206" s="5" t="s">
        <v>38</v>
      </c>
      <c r="S206" s="4" t="s">
        <v>39</v>
      </c>
      <c r="T206" s="5" t="s">
        <v>40</v>
      </c>
      <c r="U206" s="4" t="s">
        <v>41</v>
      </c>
      <c r="V206" s="5" t="s">
        <v>42</v>
      </c>
      <c r="W206" s="4" t="s">
        <v>43</v>
      </c>
      <c r="X206" s="5" t="s">
        <v>44</v>
      </c>
      <c r="Y206" s="4" t="s">
        <v>45</v>
      </c>
      <c r="Z206" s="5" t="s">
        <v>46</v>
      </c>
      <c r="AA206" s="4" t="s">
        <v>47</v>
      </c>
      <c r="AB206" s="5" t="s">
        <v>48</v>
      </c>
      <c r="AC206" s="4" t="s">
        <v>49</v>
      </c>
      <c r="AD206" s="5" t="s">
        <v>50</v>
      </c>
      <c r="AE206" s="4" t="s">
        <v>51</v>
      </c>
      <c r="AF206" s="5" t="s">
        <v>52</v>
      </c>
      <c r="AG206" s="4" t="s">
        <v>53</v>
      </c>
      <c r="AH206" s="5" t="s">
        <v>54</v>
      </c>
      <c r="AI206" s="4" t="s">
        <v>55</v>
      </c>
      <c r="AJ206" s="5" t="s">
        <v>56</v>
      </c>
      <c r="AK206" s="4" t="s">
        <v>57</v>
      </c>
      <c r="AL206" s="5" t="s">
        <v>58</v>
      </c>
      <c r="AM206" s="4" t="s">
        <v>59</v>
      </c>
      <c r="AN206" s="5" t="s">
        <v>60</v>
      </c>
      <c r="AO206" s="4" t="s">
        <v>61</v>
      </c>
      <c r="AP206" s="5" t="s">
        <v>62</v>
      </c>
      <c r="AQ206" s="4" t="s">
        <v>63</v>
      </c>
      <c r="AR206" s="5" t="s">
        <v>64</v>
      </c>
      <c r="AS206" s="4" t="s">
        <v>65</v>
      </c>
      <c r="AT206" s="5" t="s">
        <v>66</v>
      </c>
      <c r="AU206" s="4" t="s">
        <v>67</v>
      </c>
      <c r="AV206" s="5" t="s">
        <v>68</v>
      </c>
      <c r="AW206" s="4" t="s">
        <v>69</v>
      </c>
      <c r="AX206" s="5" t="s">
        <v>70</v>
      </c>
      <c r="AY206" s="4" t="s">
        <v>71</v>
      </c>
      <c r="AZ206" s="5" t="s">
        <v>72</v>
      </c>
      <c r="BA206" s="4" t="s">
        <v>73</v>
      </c>
      <c r="BB206" s="5" t="s">
        <v>74</v>
      </c>
      <c r="BC206" s="4" t="s">
        <v>75</v>
      </c>
      <c r="BD206" s="5" t="s">
        <v>76</v>
      </c>
      <c r="BE206" s="4" t="s">
        <v>77</v>
      </c>
      <c r="BF206" s="5" t="s">
        <v>78</v>
      </c>
      <c r="BG206" s="4" t="s">
        <v>79</v>
      </c>
      <c r="BH206" s="5" t="s">
        <v>80</v>
      </c>
      <c r="BI206" s="4" t="s">
        <v>81</v>
      </c>
      <c r="BJ206" s="5" t="s">
        <v>82</v>
      </c>
      <c r="BK206" s="4" t="s">
        <v>83</v>
      </c>
      <c r="BL206" s="5" t="s">
        <v>84</v>
      </c>
      <c r="BM206" s="4" t="s">
        <v>85</v>
      </c>
      <c r="BN206" s="5" t="s">
        <v>86</v>
      </c>
      <c r="BO206" s="4" t="s">
        <v>87</v>
      </c>
      <c r="BP206" s="5" t="s">
        <v>88</v>
      </c>
      <c r="BQ206" s="4" t="s">
        <v>89</v>
      </c>
      <c r="BR206" s="5" t="s">
        <v>90</v>
      </c>
      <c r="BS206" s="4" t="s">
        <v>91</v>
      </c>
      <c r="BT206" s="5" t="s">
        <v>92</v>
      </c>
      <c r="BU206" s="4" t="s">
        <v>93</v>
      </c>
      <c r="BV206" s="5" t="s">
        <v>94</v>
      </c>
    </row>
    <row r="207" spans="1:74" x14ac:dyDescent="0.4">
      <c r="A207" s="4" t="s">
        <v>21</v>
      </c>
      <c r="B207" s="5" t="s">
        <v>22</v>
      </c>
      <c r="C207" s="4" t="s">
        <v>23</v>
      </c>
      <c r="D207" s="5" t="s">
        <v>24</v>
      </c>
      <c r="E207" s="4" t="s">
        <v>25</v>
      </c>
      <c r="F207" s="5" t="s">
        <v>26</v>
      </c>
      <c r="G207" s="4" t="s">
        <v>27</v>
      </c>
      <c r="H207" s="5" t="s">
        <v>28</v>
      </c>
      <c r="I207" s="4" t="s">
        <v>29</v>
      </c>
      <c r="J207" s="5" t="s">
        <v>30</v>
      </c>
      <c r="K207" s="4" t="s">
        <v>31</v>
      </c>
      <c r="L207" s="5" t="s">
        <v>32</v>
      </c>
      <c r="M207" s="4" t="s">
        <v>33</v>
      </c>
      <c r="N207" s="5" t="s">
        <v>34</v>
      </c>
      <c r="O207" s="4" t="s">
        <v>35</v>
      </c>
      <c r="P207" s="5" t="s">
        <v>36</v>
      </c>
      <c r="Q207" s="4" t="s">
        <v>37</v>
      </c>
      <c r="R207" s="5" t="s">
        <v>38</v>
      </c>
      <c r="S207" s="4" t="s">
        <v>39</v>
      </c>
      <c r="T207" s="5" t="s">
        <v>40</v>
      </c>
      <c r="U207" s="4" t="s">
        <v>41</v>
      </c>
      <c r="V207" s="5" t="s">
        <v>42</v>
      </c>
      <c r="W207" s="4" t="s">
        <v>43</v>
      </c>
      <c r="X207" s="5" t="s">
        <v>44</v>
      </c>
      <c r="Y207" s="4" t="s">
        <v>45</v>
      </c>
      <c r="Z207" s="5" t="s">
        <v>46</v>
      </c>
      <c r="AA207" s="4" t="s">
        <v>47</v>
      </c>
      <c r="AB207" s="5" t="s">
        <v>48</v>
      </c>
      <c r="AC207" s="4" t="s">
        <v>49</v>
      </c>
      <c r="AD207" s="5" t="s">
        <v>50</v>
      </c>
      <c r="AE207" s="4" t="s">
        <v>51</v>
      </c>
      <c r="AF207" s="5" t="s">
        <v>52</v>
      </c>
      <c r="AG207" s="4" t="s">
        <v>53</v>
      </c>
      <c r="AH207" s="5" t="s">
        <v>54</v>
      </c>
      <c r="AI207" s="4" t="s">
        <v>55</v>
      </c>
      <c r="AJ207" s="5" t="s">
        <v>56</v>
      </c>
      <c r="AK207" s="4" t="s">
        <v>57</v>
      </c>
      <c r="AL207" s="5" t="s">
        <v>58</v>
      </c>
      <c r="AM207" s="4" t="s">
        <v>59</v>
      </c>
      <c r="AN207" s="5" t="s">
        <v>60</v>
      </c>
      <c r="AO207" s="4" t="s">
        <v>61</v>
      </c>
      <c r="AP207" s="5" t="s">
        <v>62</v>
      </c>
      <c r="AQ207" s="4" t="s">
        <v>63</v>
      </c>
      <c r="AR207" s="5" t="s">
        <v>64</v>
      </c>
      <c r="AS207" s="4" t="s">
        <v>65</v>
      </c>
      <c r="AT207" s="5" t="s">
        <v>66</v>
      </c>
      <c r="AU207" s="4" t="s">
        <v>67</v>
      </c>
      <c r="AV207" s="5" t="s">
        <v>68</v>
      </c>
      <c r="AW207" s="4" t="s">
        <v>69</v>
      </c>
      <c r="AX207" s="5" t="s">
        <v>70</v>
      </c>
      <c r="AY207" s="4" t="s">
        <v>71</v>
      </c>
      <c r="AZ207" s="5" t="s">
        <v>72</v>
      </c>
      <c r="BA207" s="4" t="s">
        <v>73</v>
      </c>
      <c r="BB207" s="5" t="s">
        <v>74</v>
      </c>
      <c r="BC207" s="4" t="s">
        <v>75</v>
      </c>
      <c r="BD207" s="5" t="s">
        <v>76</v>
      </c>
      <c r="BE207" s="4" t="s">
        <v>77</v>
      </c>
      <c r="BF207" s="5" t="s">
        <v>78</v>
      </c>
      <c r="BG207" s="4" t="s">
        <v>79</v>
      </c>
      <c r="BH207" s="5" t="s">
        <v>80</v>
      </c>
      <c r="BI207" s="4" t="s">
        <v>81</v>
      </c>
      <c r="BJ207" s="5" t="s">
        <v>82</v>
      </c>
      <c r="BK207" s="4" t="s">
        <v>83</v>
      </c>
      <c r="BL207" s="5" t="s">
        <v>84</v>
      </c>
      <c r="BM207" s="4" t="s">
        <v>85</v>
      </c>
      <c r="BN207" s="5" t="s">
        <v>86</v>
      </c>
      <c r="BO207" s="4" t="s">
        <v>87</v>
      </c>
      <c r="BP207" s="5" t="s">
        <v>88</v>
      </c>
      <c r="BQ207" s="4" t="s">
        <v>89</v>
      </c>
      <c r="BR207" s="5" t="s">
        <v>90</v>
      </c>
      <c r="BS207" s="4" t="s">
        <v>91</v>
      </c>
      <c r="BT207" s="5" t="s">
        <v>92</v>
      </c>
      <c r="BU207" s="4" t="s">
        <v>93</v>
      </c>
      <c r="BV207" s="5" t="s">
        <v>94</v>
      </c>
    </row>
    <row r="208" spans="1:74" x14ac:dyDescent="0.4">
      <c r="A208" s="4" t="s">
        <v>21</v>
      </c>
      <c r="B208" s="5" t="s">
        <v>22</v>
      </c>
      <c r="C208" s="4" t="s">
        <v>23</v>
      </c>
      <c r="D208" s="5" t="s">
        <v>24</v>
      </c>
      <c r="E208" s="4" t="s">
        <v>25</v>
      </c>
      <c r="F208" s="5" t="s">
        <v>26</v>
      </c>
      <c r="G208" s="4" t="s">
        <v>27</v>
      </c>
      <c r="H208" s="5" t="s">
        <v>28</v>
      </c>
      <c r="I208" s="4" t="s">
        <v>29</v>
      </c>
      <c r="J208" s="5" t="s">
        <v>30</v>
      </c>
      <c r="K208" s="4" t="s">
        <v>31</v>
      </c>
      <c r="L208" s="5" t="s">
        <v>32</v>
      </c>
      <c r="M208" s="4" t="s">
        <v>33</v>
      </c>
      <c r="N208" s="5" t="s">
        <v>34</v>
      </c>
      <c r="O208" s="4" t="s">
        <v>35</v>
      </c>
      <c r="P208" s="5" t="s">
        <v>36</v>
      </c>
      <c r="Q208" s="4" t="s">
        <v>37</v>
      </c>
      <c r="R208" s="5" t="s">
        <v>38</v>
      </c>
      <c r="S208" s="4" t="s">
        <v>39</v>
      </c>
      <c r="T208" s="5" t="s">
        <v>40</v>
      </c>
      <c r="U208" s="4" t="s">
        <v>41</v>
      </c>
      <c r="V208" s="5" t="s">
        <v>42</v>
      </c>
      <c r="W208" s="4" t="s">
        <v>43</v>
      </c>
      <c r="X208" s="5" t="s">
        <v>44</v>
      </c>
      <c r="Y208" s="4" t="s">
        <v>45</v>
      </c>
      <c r="Z208" s="5" t="s">
        <v>46</v>
      </c>
      <c r="AA208" s="4" t="s">
        <v>47</v>
      </c>
      <c r="AB208" s="5" t="s">
        <v>48</v>
      </c>
      <c r="AC208" s="4" t="s">
        <v>49</v>
      </c>
      <c r="AD208" s="5" t="s">
        <v>50</v>
      </c>
      <c r="AE208" s="4" t="s">
        <v>51</v>
      </c>
      <c r="AF208" s="5" t="s">
        <v>52</v>
      </c>
      <c r="AG208" s="4" t="s">
        <v>53</v>
      </c>
      <c r="AH208" s="5" t="s">
        <v>54</v>
      </c>
      <c r="AI208" s="4" t="s">
        <v>55</v>
      </c>
      <c r="AJ208" s="5" t="s">
        <v>56</v>
      </c>
      <c r="AK208" s="4" t="s">
        <v>57</v>
      </c>
      <c r="AL208" s="5" t="s">
        <v>58</v>
      </c>
      <c r="AM208" s="4" t="s">
        <v>59</v>
      </c>
      <c r="AN208" s="5" t="s">
        <v>60</v>
      </c>
      <c r="AO208" s="4" t="s">
        <v>61</v>
      </c>
      <c r="AP208" s="5" t="s">
        <v>62</v>
      </c>
      <c r="AQ208" s="4" t="s">
        <v>63</v>
      </c>
      <c r="AR208" s="5" t="s">
        <v>64</v>
      </c>
      <c r="AS208" s="4" t="s">
        <v>65</v>
      </c>
      <c r="AT208" s="5" t="s">
        <v>66</v>
      </c>
      <c r="AU208" s="4" t="s">
        <v>67</v>
      </c>
      <c r="AV208" s="5" t="s">
        <v>68</v>
      </c>
      <c r="AW208" s="4" t="s">
        <v>69</v>
      </c>
      <c r="AX208" s="5" t="s">
        <v>70</v>
      </c>
      <c r="AY208" s="4" t="s">
        <v>71</v>
      </c>
      <c r="AZ208" s="5" t="s">
        <v>72</v>
      </c>
      <c r="BA208" s="4" t="s">
        <v>73</v>
      </c>
      <c r="BB208" s="5" t="s">
        <v>74</v>
      </c>
      <c r="BC208" s="4" t="s">
        <v>75</v>
      </c>
      <c r="BD208" s="5" t="s">
        <v>76</v>
      </c>
      <c r="BE208" s="4" t="s">
        <v>77</v>
      </c>
      <c r="BF208" s="5" t="s">
        <v>78</v>
      </c>
      <c r="BG208" s="4" t="s">
        <v>79</v>
      </c>
      <c r="BH208" s="5" t="s">
        <v>80</v>
      </c>
      <c r="BI208" s="4" t="s">
        <v>81</v>
      </c>
      <c r="BJ208" s="5" t="s">
        <v>82</v>
      </c>
      <c r="BK208" s="4" t="s">
        <v>83</v>
      </c>
      <c r="BL208" s="5" t="s">
        <v>84</v>
      </c>
      <c r="BM208" s="4" t="s">
        <v>85</v>
      </c>
      <c r="BN208" s="5" t="s">
        <v>86</v>
      </c>
      <c r="BO208" s="4" t="s">
        <v>87</v>
      </c>
      <c r="BP208" s="5" t="s">
        <v>88</v>
      </c>
      <c r="BQ208" s="4" t="s">
        <v>89</v>
      </c>
      <c r="BR208" s="5" t="s">
        <v>90</v>
      </c>
      <c r="BS208" s="4" t="s">
        <v>91</v>
      </c>
      <c r="BT208" s="5" t="s">
        <v>92</v>
      </c>
      <c r="BU208" s="4" t="s">
        <v>93</v>
      </c>
      <c r="BV208" s="5" t="s">
        <v>94</v>
      </c>
    </row>
    <row r="209" spans="1:74" x14ac:dyDescent="0.4">
      <c r="A209" s="4" t="s">
        <v>21</v>
      </c>
      <c r="B209" s="5" t="s">
        <v>22</v>
      </c>
      <c r="C209" s="4" t="s">
        <v>23</v>
      </c>
      <c r="D209" s="5" t="s">
        <v>24</v>
      </c>
      <c r="E209" s="4" t="s">
        <v>25</v>
      </c>
      <c r="F209" s="5" t="s">
        <v>26</v>
      </c>
      <c r="G209" s="4" t="s">
        <v>27</v>
      </c>
      <c r="H209" s="5" t="s">
        <v>28</v>
      </c>
      <c r="I209" s="4" t="s">
        <v>29</v>
      </c>
      <c r="J209" s="5" t="s">
        <v>30</v>
      </c>
      <c r="K209" s="4" t="s">
        <v>31</v>
      </c>
      <c r="L209" s="5" t="s">
        <v>32</v>
      </c>
      <c r="M209" s="4" t="s">
        <v>33</v>
      </c>
      <c r="N209" s="5" t="s">
        <v>34</v>
      </c>
      <c r="O209" s="4" t="s">
        <v>35</v>
      </c>
      <c r="P209" s="5" t="s">
        <v>36</v>
      </c>
      <c r="Q209" s="4" t="s">
        <v>37</v>
      </c>
      <c r="R209" s="5" t="s">
        <v>38</v>
      </c>
      <c r="S209" s="4" t="s">
        <v>39</v>
      </c>
      <c r="T209" s="5" t="s">
        <v>40</v>
      </c>
      <c r="U209" s="4" t="s">
        <v>41</v>
      </c>
      <c r="V209" s="5" t="s">
        <v>42</v>
      </c>
      <c r="W209" s="4" t="s">
        <v>43</v>
      </c>
      <c r="X209" s="5" t="s">
        <v>44</v>
      </c>
      <c r="Y209" s="4" t="s">
        <v>45</v>
      </c>
      <c r="Z209" s="5" t="s">
        <v>46</v>
      </c>
      <c r="AA209" s="4" t="s">
        <v>47</v>
      </c>
      <c r="AB209" s="5" t="s">
        <v>48</v>
      </c>
      <c r="AC209" s="4" t="s">
        <v>49</v>
      </c>
      <c r="AD209" s="5" t="s">
        <v>50</v>
      </c>
      <c r="AE209" s="4" t="s">
        <v>51</v>
      </c>
      <c r="AF209" s="5" t="s">
        <v>52</v>
      </c>
      <c r="AG209" s="4" t="s">
        <v>53</v>
      </c>
      <c r="AH209" s="5" t="s">
        <v>54</v>
      </c>
      <c r="AI209" s="4" t="s">
        <v>55</v>
      </c>
      <c r="AJ209" s="5" t="s">
        <v>56</v>
      </c>
      <c r="AK209" s="4" t="s">
        <v>57</v>
      </c>
      <c r="AL209" s="5" t="s">
        <v>58</v>
      </c>
      <c r="AM209" s="4" t="s">
        <v>59</v>
      </c>
      <c r="AN209" s="5" t="s">
        <v>60</v>
      </c>
      <c r="AO209" s="4" t="s">
        <v>61</v>
      </c>
      <c r="AP209" s="5" t="s">
        <v>62</v>
      </c>
      <c r="AQ209" s="4" t="s">
        <v>63</v>
      </c>
      <c r="AR209" s="5" t="s">
        <v>64</v>
      </c>
      <c r="AS209" s="4" t="s">
        <v>65</v>
      </c>
      <c r="AT209" s="5" t="s">
        <v>66</v>
      </c>
      <c r="AU209" s="4" t="s">
        <v>67</v>
      </c>
      <c r="AV209" s="5" t="s">
        <v>68</v>
      </c>
      <c r="AW209" s="4" t="s">
        <v>69</v>
      </c>
      <c r="AX209" s="5" t="s">
        <v>70</v>
      </c>
      <c r="AY209" s="4" t="s">
        <v>71</v>
      </c>
      <c r="AZ209" s="5" t="s">
        <v>72</v>
      </c>
      <c r="BA209" s="4" t="s">
        <v>73</v>
      </c>
      <c r="BB209" s="5" t="s">
        <v>74</v>
      </c>
      <c r="BC209" s="4" t="s">
        <v>75</v>
      </c>
      <c r="BD209" s="5" t="s">
        <v>76</v>
      </c>
      <c r="BE209" s="4" t="s">
        <v>77</v>
      </c>
      <c r="BF209" s="5" t="s">
        <v>78</v>
      </c>
      <c r="BG209" s="4" t="s">
        <v>79</v>
      </c>
      <c r="BH209" s="5" t="s">
        <v>80</v>
      </c>
      <c r="BI209" s="4" t="s">
        <v>81</v>
      </c>
      <c r="BJ209" s="5" t="s">
        <v>82</v>
      </c>
      <c r="BK209" s="4" t="s">
        <v>83</v>
      </c>
      <c r="BL209" s="5" t="s">
        <v>84</v>
      </c>
      <c r="BM209" s="4" t="s">
        <v>85</v>
      </c>
      <c r="BN209" s="5" t="s">
        <v>86</v>
      </c>
      <c r="BO209" s="4" t="s">
        <v>87</v>
      </c>
      <c r="BP209" s="5" t="s">
        <v>88</v>
      </c>
      <c r="BQ209" s="4" t="s">
        <v>89</v>
      </c>
      <c r="BR209" s="5" t="s">
        <v>90</v>
      </c>
      <c r="BS209" s="4" t="s">
        <v>91</v>
      </c>
      <c r="BT209" s="5" t="s">
        <v>92</v>
      </c>
      <c r="BU209" s="4" t="s">
        <v>93</v>
      </c>
      <c r="BV209" s="5" t="s">
        <v>94</v>
      </c>
    </row>
    <row r="210" spans="1:74" x14ac:dyDescent="0.4">
      <c r="A210" s="4" t="s">
        <v>21</v>
      </c>
      <c r="B210" s="5" t="s">
        <v>22</v>
      </c>
      <c r="C210" s="4" t="s">
        <v>23</v>
      </c>
      <c r="D210" s="5" t="s">
        <v>24</v>
      </c>
      <c r="E210" s="4" t="s">
        <v>25</v>
      </c>
      <c r="F210" s="5" t="s">
        <v>26</v>
      </c>
      <c r="G210" s="4" t="s">
        <v>27</v>
      </c>
      <c r="H210" s="5" t="s">
        <v>28</v>
      </c>
      <c r="I210" s="4" t="s">
        <v>29</v>
      </c>
      <c r="J210" s="5" t="s">
        <v>30</v>
      </c>
      <c r="K210" s="4" t="s">
        <v>31</v>
      </c>
      <c r="L210" s="5" t="s">
        <v>32</v>
      </c>
      <c r="M210" s="4" t="s">
        <v>33</v>
      </c>
      <c r="N210" s="5" t="s">
        <v>34</v>
      </c>
      <c r="O210" s="4" t="s">
        <v>35</v>
      </c>
      <c r="P210" s="5" t="s">
        <v>36</v>
      </c>
      <c r="Q210" s="4" t="s">
        <v>37</v>
      </c>
      <c r="R210" s="5" t="s">
        <v>38</v>
      </c>
      <c r="S210" s="4" t="s">
        <v>39</v>
      </c>
      <c r="T210" s="5" t="s">
        <v>40</v>
      </c>
      <c r="U210" s="4" t="s">
        <v>41</v>
      </c>
      <c r="V210" s="5" t="s">
        <v>42</v>
      </c>
      <c r="W210" s="4" t="s">
        <v>43</v>
      </c>
      <c r="X210" s="5" t="s">
        <v>44</v>
      </c>
      <c r="Y210" s="4" t="s">
        <v>45</v>
      </c>
      <c r="Z210" s="5" t="s">
        <v>46</v>
      </c>
      <c r="AA210" s="4" t="s">
        <v>47</v>
      </c>
      <c r="AB210" s="5" t="s">
        <v>48</v>
      </c>
      <c r="AC210" s="4" t="s">
        <v>49</v>
      </c>
      <c r="AD210" s="5" t="s">
        <v>50</v>
      </c>
      <c r="AE210" s="4" t="s">
        <v>51</v>
      </c>
      <c r="AF210" s="5" t="s">
        <v>52</v>
      </c>
      <c r="AG210" s="4" t="s">
        <v>53</v>
      </c>
      <c r="AH210" s="5" t="s">
        <v>54</v>
      </c>
      <c r="AI210" s="4" t="s">
        <v>55</v>
      </c>
      <c r="AJ210" s="5" t="s">
        <v>56</v>
      </c>
      <c r="AK210" s="4" t="s">
        <v>57</v>
      </c>
      <c r="AL210" s="5" t="s">
        <v>58</v>
      </c>
      <c r="AM210" s="4" t="s">
        <v>59</v>
      </c>
      <c r="AN210" s="5" t="s">
        <v>60</v>
      </c>
      <c r="AO210" s="4" t="s">
        <v>61</v>
      </c>
      <c r="AP210" s="5" t="s">
        <v>62</v>
      </c>
      <c r="AQ210" s="4" t="s">
        <v>63</v>
      </c>
      <c r="AR210" s="5" t="s">
        <v>64</v>
      </c>
      <c r="AS210" s="4" t="s">
        <v>65</v>
      </c>
      <c r="AT210" s="5" t="s">
        <v>66</v>
      </c>
      <c r="AU210" s="4" t="s">
        <v>67</v>
      </c>
      <c r="AV210" s="5" t="s">
        <v>68</v>
      </c>
      <c r="AW210" s="4" t="s">
        <v>69</v>
      </c>
      <c r="AX210" s="5" t="s">
        <v>70</v>
      </c>
      <c r="AY210" s="4" t="s">
        <v>71</v>
      </c>
      <c r="AZ210" s="5" t="s">
        <v>72</v>
      </c>
      <c r="BA210" s="4" t="s">
        <v>73</v>
      </c>
      <c r="BB210" s="5" t="s">
        <v>74</v>
      </c>
      <c r="BC210" s="4" t="s">
        <v>75</v>
      </c>
      <c r="BD210" s="5" t="s">
        <v>76</v>
      </c>
      <c r="BE210" s="4" t="s">
        <v>77</v>
      </c>
      <c r="BF210" s="5" t="s">
        <v>78</v>
      </c>
      <c r="BG210" s="4" t="s">
        <v>79</v>
      </c>
      <c r="BH210" s="5" t="s">
        <v>80</v>
      </c>
      <c r="BI210" s="4" t="s">
        <v>81</v>
      </c>
      <c r="BJ210" s="5" t="s">
        <v>82</v>
      </c>
      <c r="BK210" s="4" t="s">
        <v>83</v>
      </c>
      <c r="BL210" s="5" t="s">
        <v>84</v>
      </c>
      <c r="BM210" s="4" t="s">
        <v>85</v>
      </c>
      <c r="BN210" s="5" t="s">
        <v>86</v>
      </c>
      <c r="BO210" s="4" t="s">
        <v>87</v>
      </c>
      <c r="BP210" s="5" t="s">
        <v>88</v>
      </c>
      <c r="BQ210" s="4" t="s">
        <v>89</v>
      </c>
      <c r="BR210" s="5" t="s">
        <v>90</v>
      </c>
      <c r="BS210" s="4" t="s">
        <v>91</v>
      </c>
      <c r="BT210" s="5" t="s">
        <v>92</v>
      </c>
      <c r="BU210" s="4" t="s">
        <v>93</v>
      </c>
      <c r="BV210" s="5" t="s">
        <v>94</v>
      </c>
    </row>
    <row r="211" spans="1:74" x14ac:dyDescent="0.4">
      <c r="A211" s="4" t="s">
        <v>21</v>
      </c>
      <c r="B211" s="5" t="s">
        <v>22</v>
      </c>
      <c r="C211" s="4" t="s">
        <v>23</v>
      </c>
      <c r="D211" s="5" t="s">
        <v>24</v>
      </c>
      <c r="E211" s="4" t="s">
        <v>25</v>
      </c>
      <c r="F211" s="5" t="s">
        <v>26</v>
      </c>
      <c r="G211" s="4" t="s">
        <v>27</v>
      </c>
      <c r="H211" s="5" t="s">
        <v>28</v>
      </c>
      <c r="I211" s="4" t="s">
        <v>29</v>
      </c>
      <c r="J211" s="5" t="s">
        <v>30</v>
      </c>
      <c r="K211" s="4" t="s">
        <v>31</v>
      </c>
      <c r="L211" s="5" t="s">
        <v>32</v>
      </c>
      <c r="M211" s="4" t="s">
        <v>33</v>
      </c>
      <c r="N211" s="5" t="s">
        <v>34</v>
      </c>
      <c r="O211" s="4" t="s">
        <v>35</v>
      </c>
      <c r="P211" s="5" t="s">
        <v>36</v>
      </c>
      <c r="Q211" s="4" t="s">
        <v>37</v>
      </c>
      <c r="R211" s="5" t="s">
        <v>38</v>
      </c>
      <c r="S211" s="4" t="s">
        <v>39</v>
      </c>
      <c r="T211" s="5" t="s">
        <v>40</v>
      </c>
      <c r="U211" s="4" t="s">
        <v>41</v>
      </c>
      <c r="V211" s="5" t="s">
        <v>42</v>
      </c>
      <c r="W211" s="4" t="s">
        <v>43</v>
      </c>
      <c r="X211" s="5" t="s">
        <v>44</v>
      </c>
      <c r="Y211" s="4" t="s">
        <v>45</v>
      </c>
      <c r="Z211" s="5" t="s">
        <v>46</v>
      </c>
      <c r="AA211" s="4" t="s">
        <v>47</v>
      </c>
      <c r="AB211" s="5" t="s">
        <v>48</v>
      </c>
      <c r="AC211" s="4" t="s">
        <v>49</v>
      </c>
      <c r="AD211" s="5" t="s">
        <v>50</v>
      </c>
      <c r="AE211" s="4" t="s">
        <v>51</v>
      </c>
      <c r="AF211" s="5" t="s">
        <v>52</v>
      </c>
      <c r="AG211" s="4" t="s">
        <v>53</v>
      </c>
      <c r="AH211" s="5" t="s">
        <v>54</v>
      </c>
      <c r="AI211" s="4" t="s">
        <v>55</v>
      </c>
      <c r="AJ211" s="5" t="s">
        <v>56</v>
      </c>
      <c r="AK211" s="4" t="s">
        <v>57</v>
      </c>
      <c r="AL211" s="5" t="s">
        <v>58</v>
      </c>
      <c r="AM211" s="4" t="s">
        <v>59</v>
      </c>
      <c r="AN211" s="5" t="s">
        <v>60</v>
      </c>
      <c r="AO211" s="4" t="s">
        <v>61</v>
      </c>
      <c r="AP211" s="5" t="s">
        <v>62</v>
      </c>
      <c r="AQ211" s="4" t="s">
        <v>63</v>
      </c>
      <c r="AR211" s="5" t="s">
        <v>64</v>
      </c>
      <c r="AS211" s="4" t="s">
        <v>65</v>
      </c>
      <c r="AT211" s="5" t="s">
        <v>66</v>
      </c>
      <c r="AU211" s="4" t="s">
        <v>67</v>
      </c>
      <c r="AV211" s="5" t="s">
        <v>68</v>
      </c>
      <c r="AW211" s="4" t="s">
        <v>69</v>
      </c>
      <c r="AX211" s="5" t="s">
        <v>70</v>
      </c>
      <c r="AY211" s="4" t="s">
        <v>71</v>
      </c>
      <c r="AZ211" s="5" t="s">
        <v>72</v>
      </c>
      <c r="BA211" s="4" t="s">
        <v>73</v>
      </c>
      <c r="BB211" s="5" t="s">
        <v>74</v>
      </c>
      <c r="BC211" s="4" t="s">
        <v>75</v>
      </c>
      <c r="BD211" s="5" t="s">
        <v>76</v>
      </c>
      <c r="BE211" s="4" t="s">
        <v>77</v>
      </c>
      <c r="BF211" s="5" t="s">
        <v>78</v>
      </c>
      <c r="BG211" s="4" t="s">
        <v>79</v>
      </c>
      <c r="BH211" s="5" t="s">
        <v>80</v>
      </c>
      <c r="BI211" s="4" t="s">
        <v>81</v>
      </c>
      <c r="BJ211" s="5" t="s">
        <v>82</v>
      </c>
      <c r="BK211" s="4" t="s">
        <v>83</v>
      </c>
      <c r="BL211" s="5" t="s">
        <v>84</v>
      </c>
      <c r="BM211" s="4" t="s">
        <v>85</v>
      </c>
      <c r="BN211" s="5" t="s">
        <v>86</v>
      </c>
      <c r="BO211" s="4" t="s">
        <v>87</v>
      </c>
      <c r="BP211" s="5" t="s">
        <v>88</v>
      </c>
      <c r="BQ211" s="4" t="s">
        <v>89</v>
      </c>
      <c r="BR211" s="5" t="s">
        <v>90</v>
      </c>
      <c r="BS211" s="4" t="s">
        <v>91</v>
      </c>
      <c r="BT211" s="5" t="s">
        <v>92</v>
      </c>
      <c r="BU211" s="4" t="s">
        <v>93</v>
      </c>
      <c r="BV211" s="5" t="s">
        <v>94</v>
      </c>
    </row>
    <row r="212" spans="1:74" x14ac:dyDescent="0.4">
      <c r="A212" s="4" t="s">
        <v>21</v>
      </c>
      <c r="B212" s="5" t="s">
        <v>22</v>
      </c>
      <c r="C212" s="4" t="s">
        <v>23</v>
      </c>
      <c r="D212" s="5" t="s">
        <v>24</v>
      </c>
      <c r="E212" s="4" t="s">
        <v>25</v>
      </c>
      <c r="F212" s="5" t="s">
        <v>26</v>
      </c>
      <c r="G212" s="4" t="s">
        <v>27</v>
      </c>
      <c r="H212" s="5" t="s">
        <v>28</v>
      </c>
      <c r="I212" s="4" t="s">
        <v>29</v>
      </c>
      <c r="J212" s="5" t="s">
        <v>30</v>
      </c>
      <c r="K212" s="4" t="s">
        <v>31</v>
      </c>
      <c r="L212" s="5" t="s">
        <v>32</v>
      </c>
      <c r="M212" s="4" t="s">
        <v>33</v>
      </c>
      <c r="N212" s="5" t="s">
        <v>34</v>
      </c>
      <c r="O212" s="4" t="s">
        <v>35</v>
      </c>
      <c r="P212" s="5" t="s">
        <v>36</v>
      </c>
      <c r="Q212" s="4" t="s">
        <v>37</v>
      </c>
      <c r="R212" s="5" t="s">
        <v>38</v>
      </c>
      <c r="S212" s="4" t="s">
        <v>39</v>
      </c>
      <c r="T212" s="5" t="s">
        <v>40</v>
      </c>
      <c r="U212" s="4" t="s">
        <v>41</v>
      </c>
      <c r="V212" s="5" t="s">
        <v>42</v>
      </c>
      <c r="W212" s="4" t="s">
        <v>43</v>
      </c>
      <c r="X212" s="5" t="s">
        <v>44</v>
      </c>
      <c r="Y212" s="4" t="s">
        <v>45</v>
      </c>
      <c r="Z212" s="5" t="s">
        <v>46</v>
      </c>
      <c r="AA212" s="4" t="s">
        <v>47</v>
      </c>
      <c r="AB212" s="5" t="s">
        <v>48</v>
      </c>
      <c r="AC212" s="4" t="s">
        <v>49</v>
      </c>
      <c r="AD212" s="5" t="s">
        <v>50</v>
      </c>
      <c r="AE212" s="4" t="s">
        <v>51</v>
      </c>
      <c r="AF212" s="5" t="s">
        <v>52</v>
      </c>
      <c r="AG212" s="4" t="s">
        <v>53</v>
      </c>
      <c r="AH212" s="5" t="s">
        <v>54</v>
      </c>
      <c r="AI212" s="4" t="s">
        <v>55</v>
      </c>
      <c r="AJ212" s="5" t="s">
        <v>56</v>
      </c>
      <c r="AK212" s="4" t="s">
        <v>57</v>
      </c>
      <c r="AL212" s="5" t="s">
        <v>58</v>
      </c>
      <c r="AM212" s="4" t="s">
        <v>59</v>
      </c>
      <c r="AN212" s="5" t="s">
        <v>60</v>
      </c>
      <c r="AO212" s="4" t="s">
        <v>61</v>
      </c>
      <c r="AP212" s="5" t="s">
        <v>62</v>
      </c>
      <c r="AQ212" s="4" t="s">
        <v>63</v>
      </c>
      <c r="AR212" s="5" t="s">
        <v>64</v>
      </c>
      <c r="AS212" s="4" t="s">
        <v>65</v>
      </c>
      <c r="AT212" s="5" t="s">
        <v>66</v>
      </c>
      <c r="AU212" s="4" t="s">
        <v>67</v>
      </c>
      <c r="AV212" s="5" t="s">
        <v>68</v>
      </c>
      <c r="AW212" s="4" t="s">
        <v>69</v>
      </c>
      <c r="AX212" s="5" t="s">
        <v>70</v>
      </c>
      <c r="AY212" s="4" t="s">
        <v>71</v>
      </c>
      <c r="AZ212" s="5" t="s">
        <v>72</v>
      </c>
      <c r="BA212" s="4" t="s">
        <v>73</v>
      </c>
      <c r="BB212" s="5" t="s">
        <v>74</v>
      </c>
      <c r="BC212" s="4" t="s">
        <v>75</v>
      </c>
      <c r="BD212" s="5" t="s">
        <v>76</v>
      </c>
      <c r="BE212" s="4" t="s">
        <v>77</v>
      </c>
      <c r="BF212" s="5" t="s">
        <v>78</v>
      </c>
      <c r="BG212" s="4" t="s">
        <v>79</v>
      </c>
      <c r="BH212" s="5" t="s">
        <v>80</v>
      </c>
      <c r="BI212" s="4" t="s">
        <v>81</v>
      </c>
      <c r="BJ212" s="5" t="s">
        <v>82</v>
      </c>
      <c r="BK212" s="4" t="s">
        <v>83</v>
      </c>
      <c r="BL212" s="5" t="s">
        <v>84</v>
      </c>
      <c r="BM212" s="4" t="s">
        <v>85</v>
      </c>
      <c r="BN212" s="5" t="s">
        <v>86</v>
      </c>
      <c r="BO212" s="4" t="s">
        <v>87</v>
      </c>
      <c r="BP212" s="5" t="s">
        <v>88</v>
      </c>
      <c r="BQ212" s="4" t="s">
        <v>89</v>
      </c>
      <c r="BR212" s="5" t="s">
        <v>90</v>
      </c>
      <c r="BS212" s="4" t="s">
        <v>91</v>
      </c>
      <c r="BT212" s="5" t="s">
        <v>92</v>
      </c>
      <c r="BU212" s="4" t="s">
        <v>93</v>
      </c>
      <c r="BV212" s="5" t="s">
        <v>94</v>
      </c>
    </row>
    <row r="213" spans="1:74" x14ac:dyDescent="0.4">
      <c r="A213" s="4" t="s">
        <v>21</v>
      </c>
      <c r="B213" s="5" t="s">
        <v>22</v>
      </c>
      <c r="C213" s="4" t="s">
        <v>23</v>
      </c>
      <c r="D213" s="5" t="s">
        <v>24</v>
      </c>
      <c r="E213" s="4" t="s">
        <v>25</v>
      </c>
      <c r="F213" s="5" t="s">
        <v>26</v>
      </c>
      <c r="G213" s="4" t="s">
        <v>27</v>
      </c>
      <c r="H213" s="5" t="s">
        <v>28</v>
      </c>
      <c r="I213" s="4" t="s">
        <v>29</v>
      </c>
      <c r="J213" s="5" t="s">
        <v>30</v>
      </c>
      <c r="K213" s="4" t="s">
        <v>31</v>
      </c>
      <c r="L213" s="5" t="s">
        <v>32</v>
      </c>
      <c r="M213" s="4" t="s">
        <v>33</v>
      </c>
      <c r="N213" s="5" t="s">
        <v>34</v>
      </c>
      <c r="O213" s="4" t="s">
        <v>35</v>
      </c>
      <c r="P213" s="5" t="s">
        <v>36</v>
      </c>
      <c r="Q213" s="4" t="s">
        <v>37</v>
      </c>
      <c r="R213" s="5" t="s">
        <v>38</v>
      </c>
      <c r="S213" s="4" t="s">
        <v>39</v>
      </c>
      <c r="T213" s="5" t="s">
        <v>40</v>
      </c>
      <c r="U213" s="4" t="s">
        <v>41</v>
      </c>
      <c r="V213" s="5" t="s">
        <v>42</v>
      </c>
      <c r="W213" s="4" t="s">
        <v>43</v>
      </c>
      <c r="X213" s="5" t="s">
        <v>44</v>
      </c>
      <c r="Y213" s="4" t="s">
        <v>45</v>
      </c>
      <c r="Z213" s="5" t="s">
        <v>46</v>
      </c>
      <c r="AA213" s="4" t="s">
        <v>47</v>
      </c>
      <c r="AB213" s="5" t="s">
        <v>48</v>
      </c>
      <c r="AC213" s="4" t="s">
        <v>49</v>
      </c>
      <c r="AD213" s="5" t="s">
        <v>50</v>
      </c>
      <c r="AE213" s="4" t="s">
        <v>51</v>
      </c>
      <c r="AF213" s="5" t="s">
        <v>52</v>
      </c>
      <c r="AG213" s="4" t="s">
        <v>53</v>
      </c>
      <c r="AH213" s="5" t="s">
        <v>54</v>
      </c>
      <c r="AI213" s="4" t="s">
        <v>55</v>
      </c>
      <c r="AJ213" s="5" t="s">
        <v>56</v>
      </c>
      <c r="AK213" s="4" t="s">
        <v>57</v>
      </c>
      <c r="AL213" s="5" t="s">
        <v>58</v>
      </c>
      <c r="AM213" s="4" t="s">
        <v>59</v>
      </c>
      <c r="AN213" s="5" t="s">
        <v>60</v>
      </c>
      <c r="AO213" s="4" t="s">
        <v>61</v>
      </c>
      <c r="AP213" s="5" t="s">
        <v>62</v>
      </c>
      <c r="AQ213" s="4" t="s">
        <v>63</v>
      </c>
      <c r="AR213" s="5" t="s">
        <v>64</v>
      </c>
      <c r="AS213" s="4" t="s">
        <v>65</v>
      </c>
      <c r="AT213" s="5" t="s">
        <v>66</v>
      </c>
      <c r="AU213" s="4" t="s">
        <v>67</v>
      </c>
      <c r="AV213" s="5" t="s">
        <v>68</v>
      </c>
      <c r="AW213" s="4" t="s">
        <v>69</v>
      </c>
      <c r="AX213" s="5" t="s">
        <v>70</v>
      </c>
      <c r="AY213" s="4" t="s">
        <v>71</v>
      </c>
      <c r="AZ213" s="5" t="s">
        <v>72</v>
      </c>
      <c r="BA213" s="4" t="s">
        <v>73</v>
      </c>
      <c r="BB213" s="5" t="s">
        <v>74</v>
      </c>
      <c r="BC213" s="4" t="s">
        <v>75</v>
      </c>
      <c r="BD213" s="5" t="s">
        <v>76</v>
      </c>
      <c r="BE213" s="4" t="s">
        <v>77</v>
      </c>
      <c r="BF213" s="5" t="s">
        <v>78</v>
      </c>
      <c r="BG213" s="4" t="s">
        <v>79</v>
      </c>
      <c r="BH213" s="5" t="s">
        <v>80</v>
      </c>
      <c r="BI213" s="4" t="s">
        <v>81</v>
      </c>
      <c r="BJ213" s="5" t="s">
        <v>82</v>
      </c>
      <c r="BK213" s="4" t="s">
        <v>83</v>
      </c>
      <c r="BL213" s="5" t="s">
        <v>84</v>
      </c>
      <c r="BM213" s="4" t="s">
        <v>85</v>
      </c>
      <c r="BN213" s="5" t="s">
        <v>86</v>
      </c>
      <c r="BO213" s="4" t="s">
        <v>87</v>
      </c>
      <c r="BP213" s="5" t="s">
        <v>88</v>
      </c>
      <c r="BQ213" s="4" t="s">
        <v>89</v>
      </c>
      <c r="BR213" s="5" t="s">
        <v>90</v>
      </c>
      <c r="BS213" s="4" t="s">
        <v>91</v>
      </c>
      <c r="BT213" s="5" t="s">
        <v>92</v>
      </c>
      <c r="BU213" s="4" t="s">
        <v>93</v>
      </c>
      <c r="BV213" s="5" t="s">
        <v>94</v>
      </c>
    </row>
    <row r="214" spans="1:74" x14ac:dyDescent="0.4">
      <c r="A214" s="4" t="s">
        <v>21</v>
      </c>
      <c r="B214" s="5" t="s">
        <v>22</v>
      </c>
      <c r="C214" s="4" t="s">
        <v>23</v>
      </c>
      <c r="D214" s="5" t="s">
        <v>24</v>
      </c>
      <c r="E214" s="4" t="s">
        <v>25</v>
      </c>
      <c r="F214" s="5" t="s">
        <v>26</v>
      </c>
      <c r="G214" s="4" t="s">
        <v>27</v>
      </c>
      <c r="H214" s="5" t="s">
        <v>28</v>
      </c>
      <c r="I214" s="4" t="s">
        <v>29</v>
      </c>
      <c r="J214" s="5" t="s">
        <v>30</v>
      </c>
      <c r="K214" s="4" t="s">
        <v>31</v>
      </c>
      <c r="L214" s="5" t="s">
        <v>32</v>
      </c>
      <c r="M214" s="4" t="s">
        <v>33</v>
      </c>
      <c r="N214" s="5" t="s">
        <v>34</v>
      </c>
      <c r="O214" s="4" t="s">
        <v>35</v>
      </c>
      <c r="P214" s="5" t="s">
        <v>36</v>
      </c>
      <c r="Q214" s="4" t="s">
        <v>37</v>
      </c>
      <c r="R214" s="5" t="s">
        <v>38</v>
      </c>
      <c r="S214" s="4" t="s">
        <v>39</v>
      </c>
      <c r="T214" s="5" t="s">
        <v>40</v>
      </c>
      <c r="U214" s="4" t="s">
        <v>41</v>
      </c>
      <c r="V214" s="5" t="s">
        <v>42</v>
      </c>
      <c r="W214" s="4" t="s">
        <v>43</v>
      </c>
      <c r="X214" s="5" t="s">
        <v>44</v>
      </c>
      <c r="Y214" s="4" t="s">
        <v>45</v>
      </c>
      <c r="Z214" s="5" t="s">
        <v>46</v>
      </c>
      <c r="AA214" s="4" t="s">
        <v>47</v>
      </c>
      <c r="AB214" s="5" t="s">
        <v>48</v>
      </c>
      <c r="AC214" s="4" t="s">
        <v>49</v>
      </c>
      <c r="AD214" s="5" t="s">
        <v>50</v>
      </c>
      <c r="AE214" s="4" t="s">
        <v>51</v>
      </c>
      <c r="AF214" s="5" t="s">
        <v>52</v>
      </c>
      <c r="AG214" s="4" t="s">
        <v>53</v>
      </c>
      <c r="AH214" s="5" t="s">
        <v>54</v>
      </c>
      <c r="AI214" s="4" t="s">
        <v>55</v>
      </c>
      <c r="AJ214" s="5" t="s">
        <v>56</v>
      </c>
      <c r="AK214" s="4" t="s">
        <v>57</v>
      </c>
      <c r="AL214" s="5" t="s">
        <v>58</v>
      </c>
      <c r="AM214" s="4" t="s">
        <v>59</v>
      </c>
      <c r="AN214" s="5" t="s">
        <v>60</v>
      </c>
      <c r="AO214" s="4" t="s">
        <v>61</v>
      </c>
      <c r="AP214" s="5" t="s">
        <v>62</v>
      </c>
      <c r="AQ214" s="4" t="s">
        <v>63</v>
      </c>
      <c r="AR214" s="5" t="s">
        <v>64</v>
      </c>
      <c r="AS214" s="4" t="s">
        <v>65</v>
      </c>
      <c r="AT214" s="5" t="s">
        <v>66</v>
      </c>
      <c r="AU214" s="4" t="s">
        <v>67</v>
      </c>
      <c r="AV214" s="5" t="s">
        <v>68</v>
      </c>
      <c r="AW214" s="4" t="s">
        <v>69</v>
      </c>
      <c r="AX214" s="5" t="s">
        <v>70</v>
      </c>
      <c r="AY214" s="4" t="s">
        <v>71</v>
      </c>
      <c r="AZ214" s="5" t="s">
        <v>72</v>
      </c>
      <c r="BA214" s="4" t="s">
        <v>73</v>
      </c>
      <c r="BB214" s="5" t="s">
        <v>74</v>
      </c>
      <c r="BC214" s="4" t="s">
        <v>75</v>
      </c>
      <c r="BD214" s="5" t="s">
        <v>76</v>
      </c>
      <c r="BE214" s="4" t="s">
        <v>77</v>
      </c>
      <c r="BF214" s="5" t="s">
        <v>78</v>
      </c>
      <c r="BG214" s="4" t="s">
        <v>79</v>
      </c>
      <c r="BH214" s="5" t="s">
        <v>80</v>
      </c>
      <c r="BI214" s="4" t="s">
        <v>81</v>
      </c>
      <c r="BJ214" s="5" t="s">
        <v>82</v>
      </c>
      <c r="BK214" s="4" t="s">
        <v>83</v>
      </c>
      <c r="BL214" s="5" t="s">
        <v>84</v>
      </c>
      <c r="BM214" s="4" t="s">
        <v>85</v>
      </c>
      <c r="BN214" s="5" t="s">
        <v>86</v>
      </c>
      <c r="BO214" s="4" t="s">
        <v>87</v>
      </c>
      <c r="BP214" s="5" t="s">
        <v>88</v>
      </c>
      <c r="BQ214" s="4" t="s">
        <v>89</v>
      </c>
      <c r="BR214" s="5" t="s">
        <v>90</v>
      </c>
      <c r="BS214" s="4" t="s">
        <v>91</v>
      </c>
      <c r="BT214" s="5" t="s">
        <v>92</v>
      </c>
      <c r="BU214" s="4" t="s">
        <v>93</v>
      </c>
      <c r="BV214" s="5" t="s">
        <v>94</v>
      </c>
    </row>
    <row r="215" spans="1:74" x14ac:dyDescent="0.4">
      <c r="A215" s="4" t="s">
        <v>21</v>
      </c>
      <c r="B215" s="5" t="s">
        <v>22</v>
      </c>
      <c r="C215" s="4" t="s">
        <v>23</v>
      </c>
      <c r="D215" s="5" t="s">
        <v>24</v>
      </c>
      <c r="E215" s="4" t="s">
        <v>25</v>
      </c>
      <c r="F215" s="5" t="s">
        <v>26</v>
      </c>
      <c r="G215" s="4" t="s">
        <v>27</v>
      </c>
      <c r="H215" s="5" t="s">
        <v>28</v>
      </c>
      <c r="I215" s="4" t="s">
        <v>29</v>
      </c>
      <c r="J215" s="5" t="s">
        <v>30</v>
      </c>
      <c r="K215" s="4" t="s">
        <v>31</v>
      </c>
      <c r="L215" s="5" t="s">
        <v>32</v>
      </c>
      <c r="M215" s="4" t="s">
        <v>33</v>
      </c>
      <c r="N215" s="5" t="s">
        <v>34</v>
      </c>
      <c r="O215" s="4" t="s">
        <v>35</v>
      </c>
      <c r="P215" s="5" t="s">
        <v>36</v>
      </c>
      <c r="Q215" s="4" t="s">
        <v>37</v>
      </c>
      <c r="R215" s="5" t="s">
        <v>38</v>
      </c>
      <c r="S215" s="4" t="s">
        <v>39</v>
      </c>
      <c r="T215" s="5" t="s">
        <v>40</v>
      </c>
      <c r="U215" s="4" t="s">
        <v>41</v>
      </c>
      <c r="V215" s="5" t="s">
        <v>42</v>
      </c>
      <c r="W215" s="4" t="s">
        <v>43</v>
      </c>
      <c r="X215" s="5" t="s">
        <v>44</v>
      </c>
      <c r="Y215" s="4" t="s">
        <v>45</v>
      </c>
      <c r="Z215" s="5" t="s">
        <v>46</v>
      </c>
      <c r="AA215" s="4" t="s">
        <v>47</v>
      </c>
      <c r="AB215" s="5" t="s">
        <v>48</v>
      </c>
      <c r="AC215" s="4" t="s">
        <v>49</v>
      </c>
      <c r="AD215" s="5" t="s">
        <v>50</v>
      </c>
      <c r="AE215" s="4" t="s">
        <v>51</v>
      </c>
      <c r="AF215" s="5" t="s">
        <v>52</v>
      </c>
      <c r="AG215" s="4" t="s">
        <v>53</v>
      </c>
      <c r="AH215" s="5" t="s">
        <v>54</v>
      </c>
      <c r="AI215" s="4" t="s">
        <v>55</v>
      </c>
      <c r="AJ215" s="5" t="s">
        <v>56</v>
      </c>
      <c r="AK215" s="4" t="s">
        <v>57</v>
      </c>
      <c r="AL215" s="5" t="s">
        <v>58</v>
      </c>
      <c r="AM215" s="4" t="s">
        <v>59</v>
      </c>
      <c r="AN215" s="5" t="s">
        <v>60</v>
      </c>
      <c r="AO215" s="4" t="s">
        <v>61</v>
      </c>
      <c r="AP215" s="5" t="s">
        <v>62</v>
      </c>
      <c r="AQ215" s="4" t="s">
        <v>63</v>
      </c>
      <c r="AR215" s="5" t="s">
        <v>64</v>
      </c>
      <c r="AS215" s="4" t="s">
        <v>65</v>
      </c>
      <c r="AT215" s="5" t="s">
        <v>66</v>
      </c>
      <c r="AU215" s="4" t="s">
        <v>67</v>
      </c>
      <c r="AV215" s="5" t="s">
        <v>68</v>
      </c>
      <c r="AW215" s="4" t="s">
        <v>69</v>
      </c>
      <c r="AX215" s="5" t="s">
        <v>70</v>
      </c>
      <c r="AY215" s="4" t="s">
        <v>71</v>
      </c>
      <c r="AZ215" s="5" t="s">
        <v>72</v>
      </c>
      <c r="BA215" s="4" t="s">
        <v>73</v>
      </c>
      <c r="BB215" s="5" t="s">
        <v>74</v>
      </c>
      <c r="BC215" s="4" t="s">
        <v>75</v>
      </c>
      <c r="BD215" s="5" t="s">
        <v>76</v>
      </c>
      <c r="BE215" s="4" t="s">
        <v>77</v>
      </c>
      <c r="BF215" s="5" t="s">
        <v>78</v>
      </c>
      <c r="BG215" s="4" t="s">
        <v>79</v>
      </c>
      <c r="BH215" s="5" t="s">
        <v>80</v>
      </c>
      <c r="BI215" s="4" t="s">
        <v>81</v>
      </c>
      <c r="BJ215" s="5" t="s">
        <v>82</v>
      </c>
      <c r="BK215" s="4" t="s">
        <v>83</v>
      </c>
      <c r="BL215" s="5" t="s">
        <v>84</v>
      </c>
      <c r="BM215" s="4" t="s">
        <v>85</v>
      </c>
      <c r="BN215" s="5" t="s">
        <v>86</v>
      </c>
      <c r="BO215" s="4" t="s">
        <v>87</v>
      </c>
      <c r="BP215" s="5" t="s">
        <v>88</v>
      </c>
      <c r="BQ215" s="4" t="s">
        <v>89</v>
      </c>
      <c r="BR215" s="5" t="s">
        <v>90</v>
      </c>
      <c r="BS215" s="4" t="s">
        <v>91</v>
      </c>
      <c r="BT215" s="5" t="s">
        <v>92</v>
      </c>
      <c r="BU215" s="4" t="s">
        <v>93</v>
      </c>
      <c r="BV215" s="5" t="s">
        <v>94</v>
      </c>
    </row>
    <row r="216" spans="1:74" x14ac:dyDescent="0.4">
      <c r="A216" s="4" t="s">
        <v>21</v>
      </c>
      <c r="B216" s="5" t="s">
        <v>22</v>
      </c>
      <c r="C216" s="4" t="s">
        <v>23</v>
      </c>
      <c r="D216" s="5" t="s">
        <v>24</v>
      </c>
      <c r="E216" s="4" t="s">
        <v>25</v>
      </c>
      <c r="F216" s="5" t="s">
        <v>26</v>
      </c>
      <c r="G216" s="4" t="s">
        <v>27</v>
      </c>
      <c r="H216" s="5" t="s">
        <v>28</v>
      </c>
      <c r="I216" s="4" t="s">
        <v>29</v>
      </c>
      <c r="J216" s="5" t="s">
        <v>30</v>
      </c>
      <c r="K216" s="4" t="s">
        <v>31</v>
      </c>
      <c r="L216" s="5" t="s">
        <v>32</v>
      </c>
      <c r="M216" s="4" t="s">
        <v>33</v>
      </c>
      <c r="N216" s="5" t="s">
        <v>34</v>
      </c>
      <c r="O216" s="4" t="s">
        <v>35</v>
      </c>
      <c r="P216" s="5" t="s">
        <v>36</v>
      </c>
      <c r="Q216" s="4" t="s">
        <v>37</v>
      </c>
      <c r="R216" s="5" t="s">
        <v>38</v>
      </c>
      <c r="S216" s="4" t="s">
        <v>39</v>
      </c>
      <c r="T216" s="5" t="s">
        <v>40</v>
      </c>
      <c r="U216" s="4" t="s">
        <v>41</v>
      </c>
      <c r="V216" s="5" t="s">
        <v>42</v>
      </c>
      <c r="W216" s="4" t="s">
        <v>43</v>
      </c>
      <c r="X216" s="5" t="s">
        <v>44</v>
      </c>
      <c r="Y216" s="4" t="s">
        <v>45</v>
      </c>
      <c r="Z216" s="5" t="s">
        <v>46</v>
      </c>
      <c r="AA216" s="4" t="s">
        <v>47</v>
      </c>
      <c r="AB216" s="5" t="s">
        <v>48</v>
      </c>
      <c r="AC216" s="4" t="s">
        <v>49</v>
      </c>
      <c r="AD216" s="5" t="s">
        <v>50</v>
      </c>
      <c r="AE216" s="4" t="s">
        <v>51</v>
      </c>
      <c r="AF216" s="5" t="s">
        <v>52</v>
      </c>
      <c r="AG216" s="4" t="s">
        <v>53</v>
      </c>
      <c r="AH216" s="5" t="s">
        <v>54</v>
      </c>
      <c r="AI216" s="4" t="s">
        <v>55</v>
      </c>
      <c r="AJ216" s="5" t="s">
        <v>56</v>
      </c>
      <c r="AK216" s="4" t="s">
        <v>57</v>
      </c>
      <c r="AL216" s="5" t="s">
        <v>58</v>
      </c>
      <c r="AM216" s="4" t="s">
        <v>59</v>
      </c>
      <c r="AN216" s="5" t="s">
        <v>60</v>
      </c>
      <c r="AO216" s="4" t="s">
        <v>61</v>
      </c>
      <c r="AP216" s="5" t="s">
        <v>62</v>
      </c>
      <c r="AQ216" s="4" t="s">
        <v>63</v>
      </c>
      <c r="AR216" s="5" t="s">
        <v>64</v>
      </c>
      <c r="AS216" s="4" t="s">
        <v>65</v>
      </c>
      <c r="AT216" s="5" t="s">
        <v>66</v>
      </c>
      <c r="AU216" s="4" t="s">
        <v>67</v>
      </c>
      <c r="AV216" s="5" t="s">
        <v>68</v>
      </c>
      <c r="AW216" s="4" t="s">
        <v>69</v>
      </c>
      <c r="AX216" s="5" t="s">
        <v>70</v>
      </c>
      <c r="AY216" s="4" t="s">
        <v>71</v>
      </c>
      <c r="AZ216" s="5" t="s">
        <v>72</v>
      </c>
      <c r="BA216" s="4" t="s">
        <v>73</v>
      </c>
      <c r="BB216" s="5" t="s">
        <v>74</v>
      </c>
      <c r="BC216" s="4" t="s">
        <v>75</v>
      </c>
      <c r="BD216" s="5" t="s">
        <v>76</v>
      </c>
      <c r="BE216" s="4" t="s">
        <v>77</v>
      </c>
      <c r="BF216" s="5" t="s">
        <v>78</v>
      </c>
      <c r="BG216" s="4" t="s">
        <v>79</v>
      </c>
      <c r="BH216" s="5" t="s">
        <v>80</v>
      </c>
      <c r="BI216" s="4" t="s">
        <v>81</v>
      </c>
      <c r="BJ216" s="5" t="s">
        <v>82</v>
      </c>
      <c r="BK216" s="4" t="s">
        <v>83</v>
      </c>
      <c r="BL216" s="5" t="s">
        <v>84</v>
      </c>
      <c r="BM216" s="4" t="s">
        <v>85</v>
      </c>
      <c r="BN216" s="5" t="s">
        <v>86</v>
      </c>
      <c r="BO216" s="4" t="s">
        <v>87</v>
      </c>
      <c r="BP216" s="5" t="s">
        <v>88</v>
      </c>
      <c r="BQ216" s="4" t="s">
        <v>89</v>
      </c>
      <c r="BR216" s="5" t="s">
        <v>90</v>
      </c>
      <c r="BS216" s="4" t="s">
        <v>91</v>
      </c>
      <c r="BT216" s="5" t="s">
        <v>92</v>
      </c>
      <c r="BU216" s="4" t="s">
        <v>93</v>
      </c>
      <c r="BV216" s="5" t="s">
        <v>94</v>
      </c>
    </row>
    <row r="217" spans="1:74" x14ac:dyDescent="0.4">
      <c r="A217" s="4" t="s">
        <v>21</v>
      </c>
      <c r="B217" s="5" t="s">
        <v>22</v>
      </c>
      <c r="C217" s="4" t="s">
        <v>23</v>
      </c>
      <c r="D217" s="5" t="s">
        <v>24</v>
      </c>
      <c r="E217" s="4" t="s">
        <v>25</v>
      </c>
      <c r="F217" s="5" t="s">
        <v>26</v>
      </c>
      <c r="G217" s="4" t="s">
        <v>27</v>
      </c>
      <c r="H217" s="5" t="s">
        <v>28</v>
      </c>
      <c r="I217" s="4" t="s">
        <v>29</v>
      </c>
      <c r="J217" s="5" t="s">
        <v>30</v>
      </c>
      <c r="K217" s="4" t="s">
        <v>31</v>
      </c>
      <c r="L217" s="5" t="s">
        <v>32</v>
      </c>
      <c r="M217" s="4" t="s">
        <v>33</v>
      </c>
      <c r="N217" s="5" t="s">
        <v>34</v>
      </c>
      <c r="O217" s="4" t="s">
        <v>35</v>
      </c>
      <c r="P217" s="5" t="s">
        <v>36</v>
      </c>
      <c r="Q217" s="4" t="s">
        <v>37</v>
      </c>
      <c r="R217" s="5" t="s">
        <v>38</v>
      </c>
      <c r="S217" s="4" t="s">
        <v>39</v>
      </c>
      <c r="T217" s="5" t="s">
        <v>40</v>
      </c>
      <c r="U217" s="4" t="s">
        <v>41</v>
      </c>
      <c r="V217" s="5" t="s">
        <v>42</v>
      </c>
      <c r="W217" s="4" t="s">
        <v>43</v>
      </c>
      <c r="X217" s="5" t="s">
        <v>44</v>
      </c>
      <c r="Y217" s="4" t="s">
        <v>45</v>
      </c>
      <c r="Z217" s="5" t="s">
        <v>46</v>
      </c>
      <c r="AA217" s="4" t="s">
        <v>47</v>
      </c>
      <c r="AB217" s="5" t="s">
        <v>48</v>
      </c>
      <c r="AC217" s="4" t="s">
        <v>49</v>
      </c>
      <c r="AD217" s="5" t="s">
        <v>50</v>
      </c>
      <c r="AE217" s="4" t="s">
        <v>51</v>
      </c>
      <c r="AF217" s="5" t="s">
        <v>52</v>
      </c>
      <c r="AG217" s="4" t="s">
        <v>53</v>
      </c>
      <c r="AH217" s="5" t="s">
        <v>54</v>
      </c>
      <c r="AI217" s="4" t="s">
        <v>55</v>
      </c>
      <c r="AJ217" s="5" t="s">
        <v>56</v>
      </c>
      <c r="AK217" s="4" t="s">
        <v>57</v>
      </c>
      <c r="AL217" s="5" t="s">
        <v>58</v>
      </c>
      <c r="AM217" s="4" t="s">
        <v>59</v>
      </c>
      <c r="AN217" s="5" t="s">
        <v>60</v>
      </c>
      <c r="AO217" s="4" t="s">
        <v>61</v>
      </c>
      <c r="AP217" s="5" t="s">
        <v>62</v>
      </c>
      <c r="AQ217" s="4" t="s">
        <v>63</v>
      </c>
      <c r="AR217" s="5" t="s">
        <v>64</v>
      </c>
      <c r="AS217" s="4" t="s">
        <v>65</v>
      </c>
      <c r="AT217" s="5" t="s">
        <v>66</v>
      </c>
      <c r="AU217" s="4" t="s">
        <v>67</v>
      </c>
      <c r="AV217" s="5" t="s">
        <v>68</v>
      </c>
      <c r="AW217" s="4" t="s">
        <v>69</v>
      </c>
      <c r="AX217" s="5" t="s">
        <v>70</v>
      </c>
      <c r="AY217" s="4" t="s">
        <v>71</v>
      </c>
      <c r="AZ217" s="5" t="s">
        <v>72</v>
      </c>
      <c r="BA217" s="4" t="s">
        <v>73</v>
      </c>
      <c r="BB217" s="5" t="s">
        <v>74</v>
      </c>
      <c r="BC217" s="4" t="s">
        <v>75</v>
      </c>
      <c r="BD217" s="5" t="s">
        <v>76</v>
      </c>
      <c r="BE217" s="4" t="s">
        <v>77</v>
      </c>
      <c r="BF217" s="5" t="s">
        <v>78</v>
      </c>
      <c r="BG217" s="4" t="s">
        <v>79</v>
      </c>
      <c r="BH217" s="5" t="s">
        <v>80</v>
      </c>
      <c r="BI217" s="4" t="s">
        <v>81</v>
      </c>
      <c r="BJ217" s="5" t="s">
        <v>82</v>
      </c>
      <c r="BK217" s="4" t="s">
        <v>83</v>
      </c>
      <c r="BL217" s="5" t="s">
        <v>84</v>
      </c>
      <c r="BM217" s="4" t="s">
        <v>85</v>
      </c>
      <c r="BN217" s="5" t="s">
        <v>86</v>
      </c>
      <c r="BO217" s="4" t="s">
        <v>87</v>
      </c>
      <c r="BP217" s="5" t="s">
        <v>88</v>
      </c>
      <c r="BQ217" s="4" t="s">
        <v>89</v>
      </c>
      <c r="BR217" s="5" t="s">
        <v>90</v>
      </c>
      <c r="BS217" s="4" t="s">
        <v>91</v>
      </c>
      <c r="BT217" s="5" t="s">
        <v>92</v>
      </c>
      <c r="BU217" s="4" t="s">
        <v>93</v>
      </c>
      <c r="BV217" s="5" t="s">
        <v>94</v>
      </c>
    </row>
    <row r="218" spans="1:74" x14ac:dyDescent="0.4">
      <c r="A218" s="4" t="s">
        <v>21</v>
      </c>
      <c r="B218" s="5" t="s">
        <v>22</v>
      </c>
      <c r="C218" s="4" t="s">
        <v>23</v>
      </c>
      <c r="D218" s="5" t="s">
        <v>24</v>
      </c>
      <c r="E218" s="4" t="s">
        <v>25</v>
      </c>
      <c r="F218" s="5" t="s">
        <v>26</v>
      </c>
      <c r="G218" s="4" t="s">
        <v>27</v>
      </c>
      <c r="H218" s="5" t="s">
        <v>28</v>
      </c>
      <c r="I218" s="4" t="s">
        <v>29</v>
      </c>
      <c r="J218" s="5" t="s">
        <v>30</v>
      </c>
      <c r="K218" s="4" t="s">
        <v>31</v>
      </c>
      <c r="L218" s="5" t="s">
        <v>32</v>
      </c>
      <c r="M218" s="4" t="s">
        <v>33</v>
      </c>
      <c r="N218" s="5" t="s">
        <v>34</v>
      </c>
      <c r="O218" s="4" t="s">
        <v>35</v>
      </c>
      <c r="P218" s="5" t="s">
        <v>36</v>
      </c>
      <c r="Q218" s="4" t="s">
        <v>37</v>
      </c>
      <c r="R218" s="5" t="s">
        <v>38</v>
      </c>
      <c r="S218" s="4" t="s">
        <v>39</v>
      </c>
      <c r="T218" s="5" t="s">
        <v>40</v>
      </c>
      <c r="U218" s="4" t="s">
        <v>41</v>
      </c>
      <c r="V218" s="5" t="s">
        <v>42</v>
      </c>
      <c r="W218" s="4" t="s">
        <v>43</v>
      </c>
      <c r="X218" s="5" t="s">
        <v>44</v>
      </c>
      <c r="Y218" s="4" t="s">
        <v>45</v>
      </c>
      <c r="Z218" s="5" t="s">
        <v>46</v>
      </c>
      <c r="AA218" s="4" t="s">
        <v>47</v>
      </c>
      <c r="AB218" s="5" t="s">
        <v>48</v>
      </c>
      <c r="AC218" s="4" t="s">
        <v>49</v>
      </c>
      <c r="AD218" s="5" t="s">
        <v>50</v>
      </c>
      <c r="AE218" s="4" t="s">
        <v>51</v>
      </c>
      <c r="AF218" s="5" t="s">
        <v>52</v>
      </c>
      <c r="AG218" s="4" t="s">
        <v>53</v>
      </c>
      <c r="AH218" s="5" t="s">
        <v>54</v>
      </c>
      <c r="AI218" s="4" t="s">
        <v>55</v>
      </c>
      <c r="AJ218" s="5" t="s">
        <v>56</v>
      </c>
      <c r="AK218" s="4" t="s">
        <v>57</v>
      </c>
      <c r="AL218" s="5" t="s">
        <v>58</v>
      </c>
      <c r="AM218" s="4" t="s">
        <v>59</v>
      </c>
      <c r="AN218" s="5" t="s">
        <v>60</v>
      </c>
      <c r="AO218" s="4" t="s">
        <v>61</v>
      </c>
      <c r="AP218" s="5" t="s">
        <v>62</v>
      </c>
      <c r="AQ218" s="4" t="s">
        <v>63</v>
      </c>
      <c r="AR218" s="5" t="s">
        <v>64</v>
      </c>
      <c r="AS218" s="4" t="s">
        <v>65</v>
      </c>
      <c r="AT218" s="5" t="s">
        <v>66</v>
      </c>
      <c r="AU218" s="4" t="s">
        <v>67</v>
      </c>
      <c r="AV218" s="5" t="s">
        <v>68</v>
      </c>
      <c r="AW218" s="4" t="s">
        <v>69</v>
      </c>
      <c r="AX218" s="5" t="s">
        <v>70</v>
      </c>
      <c r="AY218" s="4" t="s">
        <v>71</v>
      </c>
      <c r="AZ218" s="5" t="s">
        <v>72</v>
      </c>
      <c r="BA218" s="4" t="s">
        <v>73</v>
      </c>
      <c r="BB218" s="5" t="s">
        <v>74</v>
      </c>
      <c r="BC218" s="4" t="s">
        <v>75</v>
      </c>
      <c r="BD218" s="5" t="s">
        <v>76</v>
      </c>
      <c r="BE218" s="4" t="s">
        <v>77</v>
      </c>
      <c r="BF218" s="5" t="s">
        <v>78</v>
      </c>
      <c r="BG218" s="4" t="s">
        <v>79</v>
      </c>
      <c r="BH218" s="5" t="s">
        <v>80</v>
      </c>
      <c r="BI218" s="4" t="s">
        <v>81</v>
      </c>
      <c r="BJ218" s="5" t="s">
        <v>82</v>
      </c>
      <c r="BK218" s="4" t="s">
        <v>83</v>
      </c>
      <c r="BL218" s="5" t="s">
        <v>84</v>
      </c>
      <c r="BM218" s="4" t="s">
        <v>85</v>
      </c>
      <c r="BN218" s="5" t="s">
        <v>86</v>
      </c>
      <c r="BO218" s="4" t="s">
        <v>87</v>
      </c>
      <c r="BP218" s="5" t="s">
        <v>88</v>
      </c>
      <c r="BQ218" s="4" t="s">
        <v>89</v>
      </c>
      <c r="BR218" s="5" t="s">
        <v>90</v>
      </c>
      <c r="BS218" s="4" t="s">
        <v>91</v>
      </c>
      <c r="BT218" s="5" t="s">
        <v>92</v>
      </c>
      <c r="BU218" s="4" t="s">
        <v>93</v>
      </c>
      <c r="BV218" s="5" t="s">
        <v>94</v>
      </c>
    </row>
    <row r="219" spans="1:74" x14ac:dyDescent="0.4">
      <c r="A219" s="4" t="s">
        <v>21</v>
      </c>
      <c r="B219" s="5" t="s">
        <v>22</v>
      </c>
      <c r="C219" s="4" t="s">
        <v>23</v>
      </c>
      <c r="D219" s="5" t="s">
        <v>24</v>
      </c>
      <c r="E219" s="4" t="s">
        <v>25</v>
      </c>
      <c r="F219" s="5" t="s">
        <v>26</v>
      </c>
      <c r="G219" s="4" t="s">
        <v>27</v>
      </c>
      <c r="H219" s="5" t="s">
        <v>28</v>
      </c>
      <c r="I219" s="4" t="s">
        <v>29</v>
      </c>
      <c r="J219" s="5" t="s">
        <v>30</v>
      </c>
      <c r="K219" s="4" t="s">
        <v>31</v>
      </c>
      <c r="L219" s="5" t="s">
        <v>32</v>
      </c>
      <c r="M219" s="4" t="s">
        <v>33</v>
      </c>
      <c r="N219" s="5" t="s">
        <v>34</v>
      </c>
      <c r="O219" s="4" t="s">
        <v>35</v>
      </c>
      <c r="P219" s="5" t="s">
        <v>36</v>
      </c>
      <c r="Q219" s="4" t="s">
        <v>37</v>
      </c>
      <c r="R219" s="5" t="s">
        <v>38</v>
      </c>
      <c r="S219" s="4" t="s">
        <v>39</v>
      </c>
      <c r="T219" s="5" t="s">
        <v>40</v>
      </c>
      <c r="U219" s="4" t="s">
        <v>41</v>
      </c>
      <c r="V219" s="5" t="s">
        <v>42</v>
      </c>
      <c r="W219" s="4" t="s">
        <v>43</v>
      </c>
      <c r="X219" s="5" t="s">
        <v>44</v>
      </c>
      <c r="Y219" s="4" t="s">
        <v>45</v>
      </c>
      <c r="Z219" s="5" t="s">
        <v>46</v>
      </c>
      <c r="AA219" s="4" t="s">
        <v>47</v>
      </c>
      <c r="AB219" s="5" t="s">
        <v>48</v>
      </c>
      <c r="AC219" s="4" t="s">
        <v>49</v>
      </c>
      <c r="AD219" s="5" t="s">
        <v>50</v>
      </c>
      <c r="AE219" s="4" t="s">
        <v>51</v>
      </c>
      <c r="AF219" s="5" t="s">
        <v>52</v>
      </c>
      <c r="AG219" s="4" t="s">
        <v>53</v>
      </c>
      <c r="AH219" s="5" t="s">
        <v>54</v>
      </c>
      <c r="AI219" s="4" t="s">
        <v>55</v>
      </c>
      <c r="AJ219" s="5" t="s">
        <v>56</v>
      </c>
      <c r="AK219" s="4" t="s">
        <v>57</v>
      </c>
      <c r="AL219" s="5" t="s">
        <v>58</v>
      </c>
      <c r="AM219" s="4" t="s">
        <v>59</v>
      </c>
      <c r="AN219" s="5" t="s">
        <v>60</v>
      </c>
      <c r="AO219" s="4" t="s">
        <v>61</v>
      </c>
      <c r="AP219" s="5" t="s">
        <v>62</v>
      </c>
      <c r="AQ219" s="4" t="s">
        <v>63</v>
      </c>
      <c r="AR219" s="5" t="s">
        <v>64</v>
      </c>
      <c r="AS219" s="4" t="s">
        <v>65</v>
      </c>
      <c r="AT219" s="5" t="s">
        <v>66</v>
      </c>
      <c r="AU219" s="4" t="s">
        <v>67</v>
      </c>
      <c r="AV219" s="5" t="s">
        <v>68</v>
      </c>
      <c r="AW219" s="4" t="s">
        <v>69</v>
      </c>
      <c r="AX219" s="5" t="s">
        <v>70</v>
      </c>
      <c r="AY219" s="4" t="s">
        <v>71</v>
      </c>
      <c r="AZ219" s="5" t="s">
        <v>72</v>
      </c>
      <c r="BA219" s="4" t="s">
        <v>73</v>
      </c>
      <c r="BB219" s="5" t="s">
        <v>74</v>
      </c>
      <c r="BC219" s="4" t="s">
        <v>75</v>
      </c>
      <c r="BD219" s="5" t="s">
        <v>76</v>
      </c>
      <c r="BE219" s="4" t="s">
        <v>77</v>
      </c>
      <c r="BF219" s="5" t="s">
        <v>78</v>
      </c>
      <c r="BG219" s="4" t="s">
        <v>79</v>
      </c>
      <c r="BH219" s="5" t="s">
        <v>80</v>
      </c>
      <c r="BI219" s="4" t="s">
        <v>81</v>
      </c>
      <c r="BJ219" s="5" t="s">
        <v>82</v>
      </c>
      <c r="BK219" s="4" t="s">
        <v>83</v>
      </c>
      <c r="BL219" s="5" t="s">
        <v>84</v>
      </c>
      <c r="BM219" s="4" t="s">
        <v>85</v>
      </c>
      <c r="BN219" s="5" t="s">
        <v>86</v>
      </c>
      <c r="BO219" s="4" t="s">
        <v>87</v>
      </c>
      <c r="BP219" s="5" t="s">
        <v>88</v>
      </c>
      <c r="BQ219" s="4" t="s">
        <v>89</v>
      </c>
      <c r="BR219" s="5" t="s">
        <v>90</v>
      </c>
      <c r="BS219" s="4" t="s">
        <v>91</v>
      </c>
      <c r="BT219" s="5" t="s">
        <v>92</v>
      </c>
      <c r="BU219" s="4" t="s">
        <v>93</v>
      </c>
      <c r="BV219" s="5" t="s">
        <v>94</v>
      </c>
    </row>
    <row r="220" spans="1:74" x14ac:dyDescent="0.4">
      <c r="A220" s="4" t="s">
        <v>21</v>
      </c>
      <c r="B220" s="5" t="s">
        <v>22</v>
      </c>
      <c r="C220" s="4" t="s">
        <v>23</v>
      </c>
      <c r="D220" s="5" t="s">
        <v>24</v>
      </c>
      <c r="E220" s="4" t="s">
        <v>25</v>
      </c>
      <c r="F220" s="5" t="s">
        <v>26</v>
      </c>
      <c r="G220" s="4" t="s">
        <v>27</v>
      </c>
      <c r="H220" s="5" t="s">
        <v>28</v>
      </c>
      <c r="I220" s="4" t="s">
        <v>29</v>
      </c>
      <c r="J220" s="5" t="s">
        <v>30</v>
      </c>
      <c r="K220" s="4" t="s">
        <v>31</v>
      </c>
      <c r="L220" s="5" t="s">
        <v>32</v>
      </c>
      <c r="M220" s="4" t="s">
        <v>33</v>
      </c>
      <c r="N220" s="5" t="s">
        <v>34</v>
      </c>
      <c r="O220" s="4" t="s">
        <v>35</v>
      </c>
      <c r="P220" s="5" t="s">
        <v>36</v>
      </c>
      <c r="Q220" s="4" t="s">
        <v>37</v>
      </c>
      <c r="R220" s="5" t="s">
        <v>38</v>
      </c>
      <c r="S220" s="4" t="s">
        <v>39</v>
      </c>
      <c r="T220" s="5" t="s">
        <v>40</v>
      </c>
      <c r="U220" s="4" t="s">
        <v>41</v>
      </c>
      <c r="V220" s="5" t="s">
        <v>42</v>
      </c>
      <c r="W220" s="4" t="s">
        <v>43</v>
      </c>
      <c r="X220" s="5" t="s">
        <v>44</v>
      </c>
      <c r="Y220" s="4" t="s">
        <v>45</v>
      </c>
      <c r="Z220" s="5" t="s">
        <v>46</v>
      </c>
      <c r="AA220" s="4" t="s">
        <v>47</v>
      </c>
      <c r="AB220" s="5" t="s">
        <v>48</v>
      </c>
      <c r="AC220" s="4" t="s">
        <v>49</v>
      </c>
      <c r="AD220" s="5" t="s">
        <v>50</v>
      </c>
      <c r="AE220" s="4" t="s">
        <v>51</v>
      </c>
      <c r="AF220" s="5" t="s">
        <v>52</v>
      </c>
      <c r="AG220" s="4" t="s">
        <v>53</v>
      </c>
      <c r="AH220" s="5" t="s">
        <v>54</v>
      </c>
      <c r="AI220" s="4" t="s">
        <v>55</v>
      </c>
      <c r="AJ220" s="5" t="s">
        <v>56</v>
      </c>
      <c r="AK220" s="4" t="s">
        <v>57</v>
      </c>
      <c r="AL220" s="5" t="s">
        <v>58</v>
      </c>
      <c r="AM220" s="4" t="s">
        <v>59</v>
      </c>
      <c r="AN220" s="5" t="s">
        <v>60</v>
      </c>
      <c r="AO220" s="4" t="s">
        <v>61</v>
      </c>
      <c r="AP220" s="5" t="s">
        <v>62</v>
      </c>
      <c r="AQ220" s="4" t="s">
        <v>63</v>
      </c>
      <c r="AR220" s="5" t="s">
        <v>64</v>
      </c>
      <c r="AS220" s="4" t="s">
        <v>65</v>
      </c>
      <c r="AT220" s="5" t="s">
        <v>66</v>
      </c>
      <c r="AU220" s="4" t="s">
        <v>67</v>
      </c>
      <c r="AV220" s="5" t="s">
        <v>68</v>
      </c>
      <c r="AW220" s="4" t="s">
        <v>69</v>
      </c>
      <c r="AX220" s="5" t="s">
        <v>70</v>
      </c>
      <c r="AY220" s="4" t="s">
        <v>71</v>
      </c>
      <c r="AZ220" s="5" t="s">
        <v>72</v>
      </c>
      <c r="BA220" s="4" t="s">
        <v>73</v>
      </c>
      <c r="BB220" s="5" t="s">
        <v>74</v>
      </c>
      <c r="BC220" s="4" t="s">
        <v>75</v>
      </c>
      <c r="BD220" s="5" t="s">
        <v>76</v>
      </c>
      <c r="BE220" s="4" t="s">
        <v>77</v>
      </c>
      <c r="BF220" s="5" t="s">
        <v>78</v>
      </c>
      <c r="BG220" s="4" t="s">
        <v>79</v>
      </c>
      <c r="BH220" s="5" t="s">
        <v>80</v>
      </c>
      <c r="BI220" s="4" t="s">
        <v>81</v>
      </c>
      <c r="BJ220" s="5" t="s">
        <v>82</v>
      </c>
      <c r="BK220" s="4" t="s">
        <v>83</v>
      </c>
      <c r="BL220" s="5" t="s">
        <v>84</v>
      </c>
      <c r="BM220" s="4" t="s">
        <v>85</v>
      </c>
      <c r="BN220" s="5" t="s">
        <v>86</v>
      </c>
      <c r="BO220" s="4" t="s">
        <v>87</v>
      </c>
      <c r="BP220" s="5" t="s">
        <v>88</v>
      </c>
      <c r="BQ220" s="4" t="s">
        <v>89</v>
      </c>
      <c r="BR220" s="5" t="s">
        <v>90</v>
      </c>
      <c r="BS220" s="4" t="s">
        <v>91</v>
      </c>
      <c r="BT220" s="5" t="s">
        <v>92</v>
      </c>
      <c r="BU220" s="4" t="s">
        <v>93</v>
      </c>
      <c r="BV220" s="5" t="s">
        <v>94</v>
      </c>
    </row>
    <row r="221" spans="1:74" x14ac:dyDescent="0.4">
      <c r="A221" s="4" t="s">
        <v>21</v>
      </c>
      <c r="B221" s="5" t="s">
        <v>22</v>
      </c>
      <c r="C221" s="4" t="s">
        <v>23</v>
      </c>
      <c r="D221" s="5" t="s">
        <v>24</v>
      </c>
      <c r="E221" s="4" t="s">
        <v>25</v>
      </c>
      <c r="F221" s="5" t="s">
        <v>26</v>
      </c>
      <c r="G221" s="4" t="s">
        <v>27</v>
      </c>
      <c r="H221" s="5" t="s">
        <v>28</v>
      </c>
      <c r="I221" s="4" t="s">
        <v>29</v>
      </c>
      <c r="J221" s="5" t="s">
        <v>30</v>
      </c>
      <c r="K221" s="4" t="s">
        <v>31</v>
      </c>
      <c r="L221" s="5" t="s">
        <v>32</v>
      </c>
      <c r="M221" s="4" t="s">
        <v>33</v>
      </c>
      <c r="N221" s="5" t="s">
        <v>34</v>
      </c>
      <c r="O221" s="4" t="s">
        <v>35</v>
      </c>
      <c r="P221" s="5" t="s">
        <v>36</v>
      </c>
      <c r="Q221" s="4" t="s">
        <v>37</v>
      </c>
      <c r="R221" s="5" t="s">
        <v>38</v>
      </c>
      <c r="S221" s="4" t="s">
        <v>39</v>
      </c>
      <c r="T221" s="5" t="s">
        <v>40</v>
      </c>
      <c r="U221" s="4" t="s">
        <v>41</v>
      </c>
      <c r="V221" s="5" t="s">
        <v>42</v>
      </c>
      <c r="W221" s="4" t="s">
        <v>43</v>
      </c>
      <c r="X221" s="5" t="s">
        <v>44</v>
      </c>
      <c r="Y221" s="4" t="s">
        <v>45</v>
      </c>
      <c r="Z221" s="5" t="s">
        <v>46</v>
      </c>
      <c r="AA221" s="4" t="s">
        <v>47</v>
      </c>
      <c r="AB221" s="5" t="s">
        <v>48</v>
      </c>
      <c r="AC221" s="4" t="s">
        <v>49</v>
      </c>
      <c r="AD221" s="5" t="s">
        <v>50</v>
      </c>
      <c r="AE221" s="4" t="s">
        <v>51</v>
      </c>
      <c r="AF221" s="5" t="s">
        <v>52</v>
      </c>
      <c r="AG221" s="4" t="s">
        <v>53</v>
      </c>
      <c r="AH221" s="5" t="s">
        <v>54</v>
      </c>
      <c r="AI221" s="4" t="s">
        <v>55</v>
      </c>
      <c r="AJ221" s="5" t="s">
        <v>56</v>
      </c>
      <c r="AK221" s="4" t="s">
        <v>57</v>
      </c>
      <c r="AL221" s="5" t="s">
        <v>58</v>
      </c>
      <c r="AM221" s="4" t="s">
        <v>59</v>
      </c>
      <c r="AN221" s="5" t="s">
        <v>60</v>
      </c>
      <c r="AO221" s="4" t="s">
        <v>61</v>
      </c>
      <c r="AP221" s="5" t="s">
        <v>62</v>
      </c>
      <c r="AQ221" s="4" t="s">
        <v>63</v>
      </c>
      <c r="AR221" s="5" t="s">
        <v>64</v>
      </c>
      <c r="AS221" s="4" t="s">
        <v>65</v>
      </c>
      <c r="AT221" s="5" t="s">
        <v>66</v>
      </c>
      <c r="AU221" s="4" t="s">
        <v>67</v>
      </c>
      <c r="AV221" s="5" t="s">
        <v>68</v>
      </c>
      <c r="AW221" s="4" t="s">
        <v>69</v>
      </c>
      <c r="AX221" s="5" t="s">
        <v>70</v>
      </c>
      <c r="AY221" s="4" t="s">
        <v>71</v>
      </c>
      <c r="AZ221" s="5" t="s">
        <v>72</v>
      </c>
      <c r="BA221" s="4" t="s">
        <v>73</v>
      </c>
      <c r="BB221" s="5" t="s">
        <v>74</v>
      </c>
      <c r="BC221" s="4" t="s">
        <v>75</v>
      </c>
      <c r="BD221" s="5" t="s">
        <v>76</v>
      </c>
      <c r="BE221" s="4" t="s">
        <v>77</v>
      </c>
      <c r="BF221" s="5" t="s">
        <v>78</v>
      </c>
      <c r="BG221" s="4" t="s">
        <v>79</v>
      </c>
      <c r="BH221" s="5" t="s">
        <v>80</v>
      </c>
      <c r="BI221" s="4" t="s">
        <v>81</v>
      </c>
      <c r="BJ221" s="5" t="s">
        <v>82</v>
      </c>
      <c r="BK221" s="4" t="s">
        <v>83</v>
      </c>
      <c r="BL221" s="5" t="s">
        <v>84</v>
      </c>
      <c r="BM221" s="4" t="s">
        <v>85</v>
      </c>
      <c r="BN221" s="5" t="s">
        <v>86</v>
      </c>
      <c r="BO221" s="4" t="s">
        <v>87</v>
      </c>
      <c r="BP221" s="5" t="s">
        <v>88</v>
      </c>
      <c r="BQ221" s="4" t="s">
        <v>89</v>
      </c>
      <c r="BR221" s="5" t="s">
        <v>90</v>
      </c>
      <c r="BS221" s="4" t="s">
        <v>91</v>
      </c>
      <c r="BT221" s="5" t="s">
        <v>92</v>
      </c>
      <c r="BU221" s="4" t="s">
        <v>93</v>
      </c>
      <c r="BV221" s="5" t="s">
        <v>94</v>
      </c>
    </row>
    <row r="222" spans="1:74" x14ac:dyDescent="0.4">
      <c r="A222" s="4" t="s">
        <v>21</v>
      </c>
      <c r="B222" s="5" t="s">
        <v>22</v>
      </c>
      <c r="C222" s="4" t="s">
        <v>23</v>
      </c>
      <c r="D222" s="5" t="s">
        <v>24</v>
      </c>
      <c r="E222" s="4" t="s">
        <v>25</v>
      </c>
      <c r="F222" s="5" t="s">
        <v>26</v>
      </c>
      <c r="G222" s="4" t="s">
        <v>27</v>
      </c>
      <c r="H222" s="5" t="s">
        <v>28</v>
      </c>
      <c r="I222" s="4" t="s">
        <v>29</v>
      </c>
      <c r="J222" s="5" t="s">
        <v>30</v>
      </c>
      <c r="K222" s="4" t="s">
        <v>31</v>
      </c>
      <c r="L222" s="5" t="s">
        <v>32</v>
      </c>
      <c r="M222" s="4" t="s">
        <v>33</v>
      </c>
      <c r="N222" s="5" t="s">
        <v>34</v>
      </c>
      <c r="O222" s="4" t="s">
        <v>35</v>
      </c>
      <c r="P222" s="5" t="s">
        <v>36</v>
      </c>
      <c r="Q222" s="4" t="s">
        <v>37</v>
      </c>
      <c r="R222" s="5" t="s">
        <v>38</v>
      </c>
      <c r="S222" s="4" t="s">
        <v>39</v>
      </c>
      <c r="T222" s="5" t="s">
        <v>40</v>
      </c>
      <c r="U222" s="4" t="s">
        <v>41</v>
      </c>
      <c r="V222" s="5" t="s">
        <v>42</v>
      </c>
      <c r="W222" s="4" t="s">
        <v>43</v>
      </c>
      <c r="X222" s="5" t="s">
        <v>44</v>
      </c>
      <c r="Y222" s="4" t="s">
        <v>45</v>
      </c>
      <c r="Z222" s="5" t="s">
        <v>46</v>
      </c>
      <c r="AA222" s="4" t="s">
        <v>47</v>
      </c>
      <c r="AB222" s="5" t="s">
        <v>48</v>
      </c>
      <c r="AC222" s="4" t="s">
        <v>49</v>
      </c>
      <c r="AD222" s="5" t="s">
        <v>50</v>
      </c>
      <c r="AE222" s="4" t="s">
        <v>51</v>
      </c>
      <c r="AF222" s="5" t="s">
        <v>52</v>
      </c>
      <c r="AG222" s="4" t="s">
        <v>53</v>
      </c>
      <c r="AH222" s="5" t="s">
        <v>54</v>
      </c>
      <c r="AI222" s="4" t="s">
        <v>55</v>
      </c>
      <c r="AJ222" s="5" t="s">
        <v>56</v>
      </c>
      <c r="AK222" s="4" t="s">
        <v>57</v>
      </c>
      <c r="AL222" s="5" t="s">
        <v>58</v>
      </c>
      <c r="AM222" s="4" t="s">
        <v>59</v>
      </c>
      <c r="AN222" s="5" t="s">
        <v>60</v>
      </c>
      <c r="AO222" s="4" t="s">
        <v>61</v>
      </c>
      <c r="AP222" s="5" t="s">
        <v>62</v>
      </c>
      <c r="AQ222" s="4" t="s">
        <v>63</v>
      </c>
      <c r="AR222" s="5" t="s">
        <v>64</v>
      </c>
      <c r="AS222" s="4" t="s">
        <v>65</v>
      </c>
      <c r="AT222" s="5" t="s">
        <v>66</v>
      </c>
      <c r="AU222" s="4" t="s">
        <v>67</v>
      </c>
      <c r="AV222" s="5" t="s">
        <v>68</v>
      </c>
      <c r="AW222" s="4" t="s">
        <v>69</v>
      </c>
      <c r="AX222" s="5" t="s">
        <v>70</v>
      </c>
      <c r="AY222" s="4" t="s">
        <v>71</v>
      </c>
      <c r="AZ222" s="5" t="s">
        <v>72</v>
      </c>
      <c r="BA222" s="4" t="s">
        <v>73</v>
      </c>
      <c r="BB222" s="5" t="s">
        <v>74</v>
      </c>
      <c r="BC222" s="4" t="s">
        <v>75</v>
      </c>
      <c r="BD222" s="5" t="s">
        <v>76</v>
      </c>
      <c r="BE222" s="4" t="s">
        <v>77</v>
      </c>
      <c r="BF222" s="5" t="s">
        <v>78</v>
      </c>
      <c r="BG222" s="4" t="s">
        <v>79</v>
      </c>
      <c r="BH222" s="5" t="s">
        <v>80</v>
      </c>
      <c r="BI222" s="4" t="s">
        <v>81</v>
      </c>
      <c r="BJ222" s="5" t="s">
        <v>82</v>
      </c>
      <c r="BK222" s="4" t="s">
        <v>83</v>
      </c>
      <c r="BL222" s="5" t="s">
        <v>84</v>
      </c>
      <c r="BM222" s="4" t="s">
        <v>85</v>
      </c>
      <c r="BN222" s="5" t="s">
        <v>86</v>
      </c>
      <c r="BO222" s="4" t="s">
        <v>87</v>
      </c>
      <c r="BP222" s="5" t="s">
        <v>88</v>
      </c>
      <c r="BQ222" s="4" t="s">
        <v>89</v>
      </c>
      <c r="BR222" s="5" t="s">
        <v>90</v>
      </c>
      <c r="BS222" s="4" t="s">
        <v>91</v>
      </c>
      <c r="BT222" s="5" t="s">
        <v>92</v>
      </c>
      <c r="BU222" s="4" t="s">
        <v>93</v>
      </c>
      <c r="BV222" s="5" t="s">
        <v>94</v>
      </c>
    </row>
    <row r="223" spans="1:74" x14ac:dyDescent="0.4">
      <c r="A223" s="4" t="s">
        <v>21</v>
      </c>
      <c r="B223" s="5" t="s">
        <v>22</v>
      </c>
      <c r="C223" s="4" t="s">
        <v>23</v>
      </c>
      <c r="D223" s="5" t="s">
        <v>24</v>
      </c>
      <c r="E223" s="4" t="s">
        <v>25</v>
      </c>
      <c r="F223" s="5" t="s">
        <v>26</v>
      </c>
      <c r="G223" s="4" t="s">
        <v>27</v>
      </c>
      <c r="H223" s="5" t="s">
        <v>28</v>
      </c>
      <c r="I223" s="4" t="s">
        <v>29</v>
      </c>
      <c r="J223" s="5" t="s">
        <v>30</v>
      </c>
      <c r="K223" s="4" t="s">
        <v>31</v>
      </c>
      <c r="L223" s="5" t="s">
        <v>32</v>
      </c>
      <c r="M223" s="4" t="s">
        <v>33</v>
      </c>
      <c r="N223" s="5" t="s">
        <v>34</v>
      </c>
      <c r="O223" s="4" t="s">
        <v>35</v>
      </c>
      <c r="P223" s="5" t="s">
        <v>36</v>
      </c>
      <c r="Q223" s="4" t="s">
        <v>37</v>
      </c>
      <c r="R223" s="5" t="s">
        <v>38</v>
      </c>
      <c r="S223" s="4" t="s">
        <v>39</v>
      </c>
      <c r="T223" s="5" t="s">
        <v>40</v>
      </c>
      <c r="U223" s="4" t="s">
        <v>41</v>
      </c>
      <c r="V223" s="5" t="s">
        <v>42</v>
      </c>
      <c r="W223" s="4" t="s">
        <v>43</v>
      </c>
      <c r="X223" s="5" t="s">
        <v>44</v>
      </c>
      <c r="Y223" s="4" t="s">
        <v>45</v>
      </c>
      <c r="Z223" s="5" t="s">
        <v>46</v>
      </c>
      <c r="AA223" s="4" t="s">
        <v>47</v>
      </c>
      <c r="AB223" s="5" t="s">
        <v>48</v>
      </c>
      <c r="AC223" s="4" t="s">
        <v>49</v>
      </c>
      <c r="AD223" s="5" t="s">
        <v>50</v>
      </c>
      <c r="AE223" s="4" t="s">
        <v>51</v>
      </c>
      <c r="AF223" s="5" t="s">
        <v>52</v>
      </c>
      <c r="AG223" s="4" t="s">
        <v>53</v>
      </c>
      <c r="AH223" s="5" t="s">
        <v>54</v>
      </c>
      <c r="AI223" s="4" t="s">
        <v>55</v>
      </c>
      <c r="AJ223" s="5" t="s">
        <v>56</v>
      </c>
      <c r="AK223" s="4" t="s">
        <v>57</v>
      </c>
      <c r="AL223" s="5" t="s">
        <v>58</v>
      </c>
      <c r="AM223" s="4" t="s">
        <v>59</v>
      </c>
      <c r="AN223" s="5" t="s">
        <v>60</v>
      </c>
      <c r="AO223" s="4" t="s">
        <v>61</v>
      </c>
      <c r="AP223" s="5" t="s">
        <v>62</v>
      </c>
      <c r="AQ223" s="4" t="s">
        <v>63</v>
      </c>
      <c r="AR223" s="5" t="s">
        <v>64</v>
      </c>
      <c r="AS223" s="4" t="s">
        <v>65</v>
      </c>
      <c r="AT223" s="5" t="s">
        <v>66</v>
      </c>
      <c r="AU223" s="4" t="s">
        <v>67</v>
      </c>
      <c r="AV223" s="5" t="s">
        <v>68</v>
      </c>
      <c r="AW223" s="4" t="s">
        <v>69</v>
      </c>
      <c r="AX223" s="5" t="s">
        <v>70</v>
      </c>
      <c r="AY223" s="4" t="s">
        <v>71</v>
      </c>
      <c r="AZ223" s="5" t="s">
        <v>72</v>
      </c>
      <c r="BA223" s="4" t="s">
        <v>73</v>
      </c>
      <c r="BB223" s="5" t="s">
        <v>74</v>
      </c>
      <c r="BC223" s="4" t="s">
        <v>75</v>
      </c>
      <c r="BD223" s="5" t="s">
        <v>76</v>
      </c>
      <c r="BE223" s="4" t="s">
        <v>77</v>
      </c>
      <c r="BF223" s="5" t="s">
        <v>78</v>
      </c>
      <c r="BG223" s="4" t="s">
        <v>79</v>
      </c>
      <c r="BH223" s="5" t="s">
        <v>80</v>
      </c>
      <c r="BI223" s="4" t="s">
        <v>81</v>
      </c>
      <c r="BJ223" s="5" t="s">
        <v>82</v>
      </c>
      <c r="BK223" s="4" t="s">
        <v>83</v>
      </c>
      <c r="BL223" s="5" t="s">
        <v>84</v>
      </c>
      <c r="BM223" s="4" t="s">
        <v>85</v>
      </c>
      <c r="BN223" s="5" t="s">
        <v>86</v>
      </c>
      <c r="BO223" s="4" t="s">
        <v>87</v>
      </c>
      <c r="BP223" s="5" t="s">
        <v>88</v>
      </c>
      <c r="BQ223" s="4" t="s">
        <v>89</v>
      </c>
      <c r="BR223" s="5" t="s">
        <v>90</v>
      </c>
      <c r="BS223" s="4" t="s">
        <v>91</v>
      </c>
      <c r="BT223" s="5" t="s">
        <v>92</v>
      </c>
      <c r="BU223" s="4" t="s">
        <v>93</v>
      </c>
      <c r="BV223" s="5" t="s">
        <v>94</v>
      </c>
    </row>
    <row r="224" spans="1:74" x14ac:dyDescent="0.4">
      <c r="A224" s="4" t="s">
        <v>21</v>
      </c>
      <c r="B224" s="5" t="s">
        <v>22</v>
      </c>
      <c r="C224" s="4" t="s">
        <v>23</v>
      </c>
      <c r="D224" s="5" t="s">
        <v>24</v>
      </c>
      <c r="E224" s="4" t="s">
        <v>25</v>
      </c>
      <c r="F224" s="5" t="s">
        <v>26</v>
      </c>
      <c r="G224" s="4" t="s">
        <v>27</v>
      </c>
      <c r="H224" s="5" t="s">
        <v>28</v>
      </c>
      <c r="I224" s="4" t="s">
        <v>29</v>
      </c>
      <c r="J224" s="5" t="s">
        <v>30</v>
      </c>
      <c r="K224" s="4" t="s">
        <v>31</v>
      </c>
      <c r="L224" s="5" t="s">
        <v>32</v>
      </c>
      <c r="M224" s="4" t="s">
        <v>33</v>
      </c>
      <c r="N224" s="5" t="s">
        <v>34</v>
      </c>
      <c r="O224" s="4" t="s">
        <v>35</v>
      </c>
      <c r="P224" s="5" t="s">
        <v>36</v>
      </c>
      <c r="Q224" s="4" t="s">
        <v>37</v>
      </c>
      <c r="R224" s="5" t="s">
        <v>38</v>
      </c>
      <c r="S224" s="4" t="s">
        <v>39</v>
      </c>
      <c r="T224" s="5" t="s">
        <v>40</v>
      </c>
      <c r="U224" s="4" t="s">
        <v>41</v>
      </c>
      <c r="V224" s="5" t="s">
        <v>42</v>
      </c>
      <c r="W224" s="4" t="s">
        <v>43</v>
      </c>
      <c r="X224" s="5" t="s">
        <v>44</v>
      </c>
      <c r="Y224" s="4" t="s">
        <v>45</v>
      </c>
      <c r="Z224" s="5" t="s">
        <v>46</v>
      </c>
      <c r="AA224" s="4" t="s">
        <v>47</v>
      </c>
      <c r="AB224" s="5" t="s">
        <v>48</v>
      </c>
      <c r="AC224" s="4" t="s">
        <v>49</v>
      </c>
      <c r="AD224" s="5" t="s">
        <v>50</v>
      </c>
      <c r="AE224" s="4" t="s">
        <v>51</v>
      </c>
      <c r="AF224" s="5" t="s">
        <v>52</v>
      </c>
      <c r="AG224" s="4" t="s">
        <v>53</v>
      </c>
      <c r="AH224" s="5" t="s">
        <v>54</v>
      </c>
      <c r="AI224" s="4" t="s">
        <v>55</v>
      </c>
      <c r="AJ224" s="5" t="s">
        <v>56</v>
      </c>
      <c r="AK224" s="4" t="s">
        <v>57</v>
      </c>
      <c r="AL224" s="5" t="s">
        <v>58</v>
      </c>
      <c r="AM224" s="4" t="s">
        <v>59</v>
      </c>
      <c r="AN224" s="5" t="s">
        <v>60</v>
      </c>
      <c r="AO224" s="4" t="s">
        <v>61</v>
      </c>
      <c r="AP224" s="5" t="s">
        <v>62</v>
      </c>
      <c r="AQ224" s="4" t="s">
        <v>63</v>
      </c>
      <c r="AR224" s="5" t="s">
        <v>64</v>
      </c>
      <c r="AS224" s="4" t="s">
        <v>65</v>
      </c>
      <c r="AT224" s="5" t="s">
        <v>66</v>
      </c>
      <c r="AU224" s="4" t="s">
        <v>67</v>
      </c>
      <c r="AV224" s="5" t="s">
        <v>68</v>
      </c>
      <c r="AW224" s="4" t="s">
        <v>69</v>
      </c>
      <c r="AX224" s="5" t="s">
        <v>70</v>
      </c>
      <c r="AY224" s="4" t="s">
        <v>71</v>
      </c>
      <c r="AZ224" s="5" t="s">
        <v>72</v>
      </c>
      <c r="BA224" s="4" t="s">
        <v>73</v>
      </c>
      <c r="BB224" s="5" t="s">
        <v>74</v>
      </c>
      <c r="BC224" s="4" t="s">
        <v>75</v>
      </c>
      <c r="BD224" s="5" t="s">
        <v>76</v>
      </c>
      <c r="BE224" s="4" t="s">
        <v>77</v>
      </c>
      <c r="BF224" s="5" t="s">
        <v>78</v>
      </c>
      <c r="BG224" s="4" t="s">
        <v>79</v>
      </c>
      <c r="BH224" s="5" t="s">
        <v>80</v>
      </c>
      <c r="BI224" s="4" t="s">
        <v>81</v>
      </c>
      <c r="BJ224" s="5" t="s">
        <v>82</v>
      </c>
      <c r="BK224" s="4" t="s">
        <v>83</v>
      </c>
      <c r="BL224" s="5" t="s">
        <v>84</v>
      </c>
      <c r="BM224" s="4" t="s">
        <v>85</v>
      </c>
      <c r="BN224" s="5" t="s">
        <v>86</v>
      </c>
      <c r="BO224" s="4" t="s">
        <v>87</v>
      </c>
      <c r="BP224" s="5" t="s">
        <v>88</v>
      </c>
      <c r="BQ224" s="4" t="s">
        <v>89</v>
      </c>
      <c r="BR224" s="5" t="s">
        <v>90</v>
      </c>
      <c r="BS224" s="4" t="s">
        <v>91</v>
      </c>
      <c r="BT224" s="5" t="s">
        <v>92</v>
      </c>
      <c r="BU224" s="4" t="s">
        <v>93</v>
      </c>
      <c r="BV224" s="5" t="s">
        <v>94</v>
      </c>
    </row>
    <row r="225" spans="1:74" x14ac:dyDescent="0.4">
      <c r="A225" s="4" t="s">
        <v>21</v>
      </c>
      <c r="B225" s="5" t="s">
        <v>22</v>
      </c>
      <c r="C225" s="4" t="s">
        <v>23</v>
      </c>
      <c r="D225" s="5" t="s">
        <v>24</v>
      </c>
      <c r="E225" s="4" t="s">
        <v>25</v>
      </c>
      <c r="F225" s="5" t="s">
        <v>26</v>
      </c>
      <c r="G225" s="4" t="s">
        <v>27</v>
      </c>
      <c r="H225" s="5" t="s">
        <v>28</v>
      </c>
      <c r="I225" s="4" t="s">
        <v>29</v>
      </c>
      <c r="J225" s="5" t="s">
        <v>30</v>
      </c>
      <c r="K225" s="4" t="s">
        <v>31</v>
      </c>
      <c r="L225" s="5" t="s">
        <v>32</v>
      </c>
      <c r="M225" s="4" t="s">
        <v>33</v>
      </c>
      <c r="N225" s="5" t="s">
        <v>34</v>
      </c>
      <c r="O225" s="4" t="s">
        <v>35</v>
      </c>
      <c r="P225" s="5" t="s">
        <v>36</v>
      </c>
      <c r="Q225" s="4" t="s">
        <v>37</v>
      </c>
      <c r="R225" s="5" t="s">
        <v>38</v>
      </c>
      <c r="S225" s="4" t="s">
        <v>39</v>
      </c>
      <c r="T225" s="5" t="s">
        <v>40</v>
      </c>
      <c r="U225" s="4" t="s">
        <v>41</v>
      </c>
      <c r="V225" s="5" t="s">
        <v>42</v>
      </c>
      <c r="W225" s="4" t="s">
        <v>43</v>
      </c>
      <c r="X225" s="5" t="s">
        <v>44</v>
      </c>
      <c r="Y225" s="4" t="s">
        <v>45</v>
      </c>
      <c r="Z225" s="5" t="s">
        <v>46</v>
      </c>
      <c r="AA225" s="4" t="s">
        <v>47</v>
      </c>
      <c r="AB225" s="5" t="s">
        <v>48</v>
      </c>
      <c r="AC225" s="4" t="s">
        <v>49</v>
      </c>
      <c r="AD225" s="5" t="s">
        <v>50</v>
      </c>
      <c r="AE225" s="4" t="s">
        <v>51</v>
      </c>
      <c r="AF225" s="5" t="s">
        <v>52</v>
      </c>
      <c r="AG225" s="4" t="s">
        <v>53</v>
      </c>
      <c r="AH225" s="5" t="s">
        <v>54</v>
      </c>
      <c r="AI225" s="4" t="s">
        <v>55</v>
      </c>
      <c r="AJ225" s="5" t="s">
        <v>56</v>
      </c>
      <c r="AK225" s="4" t="s">
        <v>57</v>
      </c>
      <c r="AL225" s="5" t="s">
        <v>58</v>
      </c>
      <c r="AM225" s="4" t="s">
        <v>59</v>
      </c>
      <c r="AN225" s="5" t="s">
        <v>60</v>
      </c>
      <c r="AO225" s="4" t="s">
        <v>61</v>
      </c>
      <c r="AP225" s="5" t="s">
        <v>62</v>
      </c>
      <c r="AQ225" s="4" t="s">
        <v>63</v>
      </c>
      <c r="AR225" s="5" t="s">
        <v>64</v>
      </c>
      <c r="AS225" s="4" t="s">
        <v>65</v>
      </c>
      <c r="AT225" s="5" t="s">
        <v>66</v>
      </c>
      <c r="AU225" s="4" t="s">
        <v>67</v>
      </c>
      <c r="AV225" s="5" t="s">
        <v>68</v>
      </c>
      <c r="AW225" s="4" t="s">
        <v>69</v>
      </c>
      <c r="AX225" s="5" t="s">
        <v>70</v>
      </c>
      <c r="AY225" s="4" t="s">
        <v>71</v>
      </c>
      <c r="AZ225" s="5" t="s">
        <v>72</v>
      </c>
      <c r="BA225" s="4" t="s">
        <v>73</v>
      </c>
      <c r="BB225" s="5" t="s">
        <v>74</v>
      </c>
      <c r="BC225" s="4" t="s">
        <v>75</v>
      </c>
      <c r="BD225" s="5" t="s">
        <v>76</v>
      </c>
      <c r="BE225" s="4" t="s">
        <v>77</v>
      </c>
      <c r="BF225" s="5" t="s">
        <v>78</v>
      </c>
      <c r="BG225" s="4" t="s">
        <v>79</v>
      </c>
      <c r="BH225" s="5" t="s">
        <v>80</v>
      </c>
      <c r="BI225" s="4" t="s">
        <v>81</v>
      </c>
      <c r="BJ225" s="5" t="s">
        <v>82</v>
      </c>
      <c r="BK225" s="4" t="s">
        <v>83</v>
      </c>
      <c r="BL225" s="5" t="s">
        <v>84</v>
      </c>
      <c r="BM225" s="4" t="s">
        <v>85</v>
      </c>
      <c r="BN225" s="5" t="s">
        <v>86</v>
      </c>
      <c r="BO225" s="4" t="s">
        <v>87</v>
      </c>
      <c r="BP225" s="5" t="s">
        <v>88</v>
      </c>
      <c r="BQ225" s="4" t="s">
        <v>89</v>
      </c>
      <c r="BR225" s="5" t="s">
        <v>90</v>
      </c>
      <c r="BS225" s="4" t="s">
        <v>91</v>
      </c>
      <c r="BT225" s="5" t="s">
        <v>92</v>
      </c>
      <c r="BU225" s="4" t="s">
        <v>93</v>
      </c>
      <c r="BV225" s="5" t="s">
        <v>94</v>
      </c>
    </row>
    <row r="226" spans="1:74" x14ac:dyDescent="0.4">
      <c r="A226" s="4" t="s">
        <v>21</v>
      </c>
      <c r="B226" s="5" t="s">
        <v>22</v>
      </c>
      <c r="C226" s="4" t="s">
        <v>23</v>
      </c>
      <c r="D226" s="5" t="s">
        <v>24</v>
      </c>
      <c r="E226" s="4" t="s">
        <v>25</v>
      </c>
      <c r="F226" s="5" t="s">
        <v>26</v>
      </c>
      <c r="G226" s="4" t="s">
        <v>27</v>
      </c>
      <c r="H226" s="5" t="s">
        <v>28</v>
      </c>
      <c r="I226" s="4" t="s">
        <v>29</v>
      </c>
      <c r="J226" s="5" t="s">
        <v>30</v>
      </c>
      <c r="K226" s="4" t="s">
        <v>31</v>
      </c>
      <c r="L226" s="5" t="s">
        <v>32</v>
      </c>
      <c r="M226" s="4" t="s">
        <v>33</v>
      </c>
      <c r="N226" s="5" t="s">
        <v>34</v>
      </c>
      <c r="O226" s="4" t="s">
        <v>35</v>
      </c>
      <c r="P226" s="5" t="s">
        <v>36</v>
      </c>
      <c r="Q226" s="4" t="s">
        <v>37</v>
      </c>
      <c r="R226" s="5" t="s">
        <v>38</v>
      </c>
      <c r="S226" s="4" t="s">
        <v>39</v>
      </c>
      <c r="T226" s="5" t="s">
        <v>40</v>
      </c>
      <c r="U226" s="4" t="s">
        <v>41</v>
      </c>
      <c r="V226" s="5" t="s">
        <v>42</v>
      </c>
      <c r="W226" s="4" t="s">
        <v>43</v>
      </c>
      <c r="X226" s="5" t="s">
        <v>44</v>
      </c>
      <c r="Y226" s="4" t="s">
        <v>45</v>
      </c>
      <c r="Z226" s="5" t="s">
        <v>46</v>
      </c>
      <c r="AA226" s="4" t="s">
        <v>47</v>
      </c>
      <c r="AB226" s="5" t="s">
        <v>48</v>
      </c>
      <c r="AC226" s="4" t="s">
        <v>49</v>
      </c>
      <c r="AD226" s="5" t="s">
        <v>50</v>
      </c>
      <c r="AE226" s="4" t="s">
        <v>51</v>
      </c>
      <c r="AF226" s="5" t="s">
        <v>52</v>
      </c>
      <c r="AG226" s="4" t="s">
        <v>53</v>
      </c>
      <c r="AH226" s="5" t="s">
        <v>54</v>
      </c>
      <c r="AI226" s="4" t="s">
        <v>55</v>
      </c>
      <c r="AJ226" s="5" t="s">
        <v>56</v>
      </c>
      <c r="AK226" s="4" t="s">
        <v>57</v>
      </c>
      <c r="AL226" s="5" t="s">
        <v>58</v>
      </c>
      <c r="AM226" s="4" t="s">
        <v>59</v>
      </c>
      <c r="AN226" s="5" t="s">
        <v>60</v>
      </c>
      <c r="AO226" s="4" t="s">
        <v>61</v>
      </c>
      <c r="AP226" s="5" t="s">
        <v>62</v>
      </c>
      <c r="AQ226" s="4" t="s">
        <v>63</v>
      </c>
      <c r="AR226" s="5" t="s">
        <v>64</v>
      </c>
      <c r="AS226" s="4" t="s">
        <v>65</v>
      </c>
      <c r="AT226" s="5" t="s">
        <v>66</v>
      </c>
      <c r="AU226" s="4" t="s">
        <v>67</v>
      </c>
      <c r="AV226" s="5" t="s">
        <v>68</v>
      </c>
      <c r="AW226" s="4" t="s">
        <v>69</v>
      </c>
      <c r="AX226" s="5" t="s">
        <v>70</v>
      </c>
      <c r="AY226" s="4" t="s">
        <v>71</v>
      </c>
      <c r="AZ226" s="5" t="s">
        <v>72</v>
      </c>
      <c r="BA226" s="4" t="s">
        <v>73</v>
      </c>
      <c r="BB226" s="5" t="s">
        <v>74</v>
      </c>
      <c r="BC226" s="4" t="s">
        <v>75</v>
      </c>
      <c r="BD226" s="5" t="s">
        <v>76</v>
      </c>
      <c r="BE226" s="4" t="s">
        <v>77</v>
      </c>
      <c r="BF226" s="5" t="s">
        <v>78</v>
      </c>
      <c r="BG226" s="4" t="s">
        <v>79</v>
      </c>
      <c r="BH226" s="5" t="s">
        <v>80</v>
      </c>
      <c r="BI226" s="4" t="s">
        <v>81</v>
      </c>
      <c r="BJ226" s="5" t="s">
        <v>82</v>
      </c>
      <c r="BK226" s="4" t="s">
        <v>83</v>
      </c>
      <c r="BL226" s="5" t="s">
        <v>84</v>
      </c>
      <c r="BM226" s="4" t="s">
        <v>85</v>
      </c>
      <c r="BN226" s="5" t="s">
        <v>86</v>
      </c>
      <c r="BO226" s="4" t="s">
        <v>87</v>
      </c>
      <c r="BP226" s="5" t="s">
        <v>88</v>
      </c>
      <c r="BQ226" s="4" t="s">
        <v>89</v>
      </c>
      <c r="BR226" s="5" t="s">
        <v>90</v>
      </c>
      <c r="BS226" s="4" t="s">
        <v>91</v>
      </c>
      <c r="BT226" s="5" t="s">
        <v>92</v>
      </c>
      <c r="BU226" s="4" t="s">
        <v>93</v>
      </c>
      <c r="BV226" s="5" t="s">
        <v>94</v>
      </c>
    </row>
    <row r="227" spans="1:74" x14ac:dyDescent="0.4">
      <c r="A227" s="4" t="s">
        <v>21</v>
      </c>
      <c r="B227" s="5" t="s">
        <v>22</v>
      </c>
      <c r="C227" s="4" t="s">
        <v>23</v>
      </c>
      <c r="D227" s="5" t="s">
        <v>24</v>
      </c>
      <c r="E227" s="4" t="s">
        <v>25</v>
      </c>
      <c r="F227" s="5" t="s">
        <v>26</v>
      </c>
      <c r="G227" s="4" t="s">
        <v>27</v>
      </c>
      <c r="H227" s="5" t="s">
        <v>28</v>
      </c>
      <c r="I227" s="4" t="s">
        <v>29</v>
      </c>
      <c r="J227" s="5" t="s">
        <v>30</v>
      </c>
      <c r="K227" s="4" t="s">
        <v>31</v>
      </c>
      <c r="L227" s="5" t="s">
        <v>32</v>
      </c>
      <c r="M227" s="4" t="s">
        <v>33</v>
      </c>
      <c r="N227" s="5" t="s">
        <v>34</v>
      </c>
      <c r="O227" s="4" t="s">
        <v>35</v>
      </c>
      <c r="P227" s="5" t="s">
        <v>36</v>
      </c>
      <c r="Q227" s="4" t="s">
        <v>37</v>
      </c>
      <c r="R227" s="5" t="s">
        <v>38</v>
      </c>
      <c r="S227" s="4" t="s">
        <v>39</v>
      </c>
      <c r="T227" s="5" t="s">
        <v>40</v>
      </c>
      <c r="U227" s="4" t="s">
        <v>41</v>
      </c>
      <c r="V227" s="5" t="s">
        <v>42</v>
      </c>
      <c r="W227" s="4" t="s">
        <v>43</v>
      </c>
      <c r="X227" s="5" t="s">
        <v>44</v>
      </c>
      <c r="Y227" s="4" t="s">
        <v>45</v>
      </c>
      <c r="Z227" s="5" t="s">
        <v>46</v>
      </c>
      <c r="AA227" s="4" t="s">
        <v>47</v>
      </c>
      <c r="AB227" s="5" t="s">
        <v>48</v>
      </c>
      <c r="AC227" s="4" t="s">
        <v>49</v>
      </c>
      <c r="AD227" s="5" t="s">
        <v>50</v>
      </c>
      <c r="AE227" s="4" t="s">
        <v>51</v>
      </c>
      <c r="AF227" s="5" t="s">
        <v>52</v>
      </c>
      <c r="AG227" s="4" t="s">
        <v>53</v>
      </c>
      <c r="AH227" s="5" t="s">
        <v>54</v>
      </c>
      <c r="AI227" s="4" t="s">
        <v>55</v>
      </c>
      <c r="AJ227" s="5" t="s">
        <v>56</v>
      </c>
      <c r="AK227" s="4" t="s">
        <v>57</v>
      </c>
      <c r="AL227" s="5" t="s">
        <v>58</v>
      </c>
      <c r="AM227" s="4" t="s">
        <v>59</v>
      </c>
      <c r="AN227" s="5" t="s">
        <v>60</v>
      </c>
      <c r="AO227" s="4" t="s">
        <v>61</v>
      </c>
      <c r="AP227" s="5" t="s">
        <v>62</v>
      </c>
      <c r="AQ227" s="4" t="s">
        <v>63</v>
      </c>
      <c r="AR227" s="5" t="s">
        <v>64</v>
      </c>
      <c r="AS227" s="4" t="s">
        <v>65</v>
      </c>
      <c r="AT227" s="5" t="s">
        <v>66</v>
      </c>
      <c r="AU227" s="4" t="s">
        <v>67</v>
      </c>
      <c r="AV227" s="5" t="s">
        <v>68</v>
      </c>
      <c r="AW227" s="4" t="s">
        <v>69</v>
      </c>
      <c r="AX227" s="5" t="s">
        <v>70</v>
      </c>
      <c r="AY227" s="4" t="s">
        <v>71</v>
      </c>
      <c r="AZ227" s="5" t="s">
        <v>72</v>
      </c>
      <c r="BA227" s="4" t="s">
        <v>73</v>
      </c>
      <c r="BB227" s="5" t="s">
        <v>74</v>
      </c>
      <c r="BC227" s="4" t="s">
        <v>75</v>
      </c>
      <c r="BD227" s="5" t="s">
        <v>76</v>
      </c>
      <c r="BE227" s="4" t="s">
        <v>77</v>
      </c>
      <c r="BF227" s="5" t="s">
        <v>78</v>
      </c>
      <c r="BG227" s="4" t="s">
        <v>79</v>
      </c>
      <c r="BH227" s="5" t="s">
        <v>80</v>
      </c>
      <c r="BI227" s="4" t="s">
        <v>81</v>
      </c>
      <c r="BJ227" s="5" t="s">
        <v>82</v>
      </c>
      <c r="BK227" s="4" t="s">
        <v>83</v>
      </c>
      <c r="BL227" s="5" t="s">
        <v>84</v>
      </c>
      <c r="BM227" s="4" t="s">
        <v>85</v>
      </c>
      <c r="BN227" s="5" t="s">
        <v>86</v>
      </c>
      <c r="BO227" s="4" t="s">
        <v>87</v>
      </c>
      <c r="BP227" s="5" t="s">
        <v>88</v>
      </c>
      <c r="BQ227" s="4" t="s">
        <v>89</v>
      </c>
      <c r="BR227" s="5" t="s">
        <v>90</v>
      </c>
      <c r="BS227" s="4" t="s">
        <v>91</v>
      </c>
      <c r="BT227" s="5" t="s">
        <v>92</v>
      </c>
      <c r="BU227" s="4" t="s">
        <v>93</v>
      </c>
      <c r="BV227" s="5" t="s">
        <v>94</v>
      </c>
    </row>
    <row r="228" spans="1:74" x14ac:dyDescent="0.4">
      <c r="A228" s="4" t="s">
        <v>21</v>
      </c>
      <c r="B228" s="5" t="s">
        <v>22</v>
      </c>
      <c r="C228" s="4" t="s">
        <v>23</v>
      </c>
      <c r="D228" s="5" t="s">
        <v>24</v>
      </c>
      <c r="E228" s="4" t="s">
        <v>25</v>
      </c>
      <c r="F228" s="5" t="s">
        <v>26</v>
      </c>
      <c r="G228" s="4" t="s">
        <v>27</v>
      </c>
      <c r="H228" s="5" t="s">
        <v>28</v>
      </c>
      <c r="I228" s="4" t="s">
        <v>29</v>
      </c>
      <c r="J228" s="5" t="s">
        <v>30</v>
      </c>
      <c r="K228" s="4" t="s">
        <v>31</v>
      </c>
      <c r="L228" s="5" t="s">
        <v>32</v>
      </c>
      <c r="M228" s="4" t="s">
        <v>33</v>
      </c>
      <c r="N228" s="5" t="s">
        <v>34</v>
      </c>
      <c r="O228" s="4" t="s">
        <v>35</v>
      </c>
      <c r="P228" s="5" t="s">
        <v>36</v>
      </c>
      <c r="Q228" s="4" t="s">
        <v>37</v>
      </c>
      <c r="R228" s="5" t="s">
        <v>38</v>
      </c>
      <c r="S228" s="4" t="s">
        <v>39</v>
      </c>
      <c r="T228" s="5" t="s">
        <v>40</v>
      </c>
      <c r="U228" s="4" t="s">
        <v>41</v>
      </c>
      <c r="V228" s="5" t="s">
        <v>42</v>
      </c>
      <c r="W228" s="4" t="s">
        <v>43</v>
      </c>
      <c r="X228" s="5" t="s">
        <v>44</v>
      </c>
      <c r="Y228" s="4" t="s">
        <v>45</v>
      </c>
      <c r="Z228" s="5" t="s">
        <v>46</v>
      </c>
      <c r="AA228" s="4" t="s">
        <v>47</v>
      </c>
      <c r="AB228" s="5" t="s">
        <v>48</v>
      </c>
      <c r="AC228" s="4" t="s">
        <v>49</v>
      </c>
      <c r="AD228" s="5" t="s">
        <v>50</v>
      </c>
      <c r="AE228" s="4" t="s">
        <v>51</v>
      </c>
      <c r="AF228" s="5" t="s">
        <v>52</v>
      </c>
      <c r="AG228" s="4" t="s">
        <v>53</v>
      </c>
      <c r="AH228" s="5" t="s">
        <v>54</v>
      </c>
      <c r="AI228" s="4" t="s">
        <v>55</v>
      </c>
      <c r="AJ228" s="5" t="s">
        <v>56</v>
      </c>
      <c r="AK228" s="4" t="s">
        <v>57</v>
      </c>
      <c r="AL228" s="5" t="s">
        <v>58</v>
      </c>
      <c r="AM228" s="4" t="s">
        <v>59</v>
      </c>
      <c r="AN228" s="5" t="s">
        <v>60</v>
      </c>
      <c r="AO228" s="4" t="s">
        <v>61</v>
      </c>
      <c r="AP228" s="5" t="s">
        <v>62</v>
      </c>
      <c r="AQ228" s="4" t="s">
        <v>63</v>
      </c>
      <c r="AR228" s="5" t="s">
        <v>64</v>
      </c>
      <c r="AS228" s="4" t="s">
        <v>65</v>
      </c>
      <c r="AT228" s="5" t="s">
        <v>66</v>
      </c>
      <c r="AU228" s="4" t="s">
        <v>67</v>
      </c>
      <c r="AV228" s="5" t="s">
        <v>68</v>
      </c>
      <c r="AW228" s="4" t="s">
        <v>69</v>
      </c>
      <c r="AX228" s="5" t="s">
        <v>70</v>
      </c>
      <c r="AY228" s="4" t="s">
        <v>71</v>
      </c>
      <c r="AZ228" s="5" t="s">
        <v>72</v>
      </c>
      <c r="BA228" s="4" t="s">
        <v>73</v>
      </c>
      <c r="BB228" s="5" t="s">
        <v>74</v>
      </c>
      <c r="BC228" s="4" t="s">
        <v>75</v>
      </c>
      <c r="BD228" s="5" t="s">
        <v>76</v>
      </c>
      <c r="BE228" s="4" t="s">
        <v>77</v>
      </c>
      <c r="BF228" s="5" t="s">
        <v>78</v>
      </c>
      <c r="BG228" s="4" t="s">
        <v>79</v>
      </c>
      <c r="BH228" s="5" t="s">
        <v>80</v>
      </c>
      <c r="BI228" s="4" t="s">
        <v>81</v>
      </c>
      <c r="BJ228" s="5" t="s">
        <v>82</v>
      </c>
      <c r="BK228" s="4" t="s">
        <v>83</v>
      </c>
      <c r="BL228" s="5" t="s">
        <v>84</v>
      </c>
      <c r="BM228" s="4" t="s">
        <v>85</v>
      </c>
      <c r="BN228" s="5" t="s">
        <v>86</v>
      </c>
      <c r="BO228" s="4" t="s">
        <v>87</v>
      </c>
      <c r="BP228" s="5" t="s">
        <v>88</v>
      </c>
      <c r="BQ228" s="4" t="s">
        <v>89</v>
      </c>
      <c r="BR228" s="5" t="s">
        <v>90</v>
      </c>
      <c r="BS228" s="4" t="s">
        <v>91</v>
      </c>
      <c r="BT228" s="5" t="s">
        <v>92</v>
      </c>
      <c r="BU228" s="4" t="s">
        <v>93</v>
      </c>
      <c r="BV228" s="5" t="s">
        <v>94</v>
      </c>
    </row>
  </sheetData>
  <phoneticPr fontId="18"/>
  <pageMargins left="0.7" right="0.7" top="0.75" bottom="0.75" header="0.3" footer="0.3"/>
  <tableParts count="2">
    <tablePart r:id="rId1"/>
    <tablePart r:id="rId2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7A99C6-671F-4905-9316-940B7F69E0B6}">
  <dimension ref="A1:F149"/>
  <sheetViews>
    <sheetView topLeftCell="A271" workbookViewId="0">
      <selection sqref="A1:F149"/>
    </sheetView>
  </sheetViews>
  <sheetFormatPr defaultRowHeight="18.75" x14ac:dyDescent="0.4"/>
  <sheetData>
    <row r="1" spans="1:6" x14ac:dyDescent="0.4">
      <c r="A1" t="s">
        <v>12</v>
      </c>
      <c r="B1" t="s">
        <v>13</v>
      </c>
      <c r="C1" t="s">
        <v>14</v>
      </c>
      <c r="D1" t="s">
        <v>15</v>
      </c>
      <c r="E1" t="s">
        <v>16</v>
      </c>
      <c r="F1" t="s">
        <v>17</v>
      </c>
    </row>
    <row r="2" spans="1:6" x14ac:dyDescent="0.4">
      <c r="A2">
        <v>1</v>
      </c>
      <c r="B2" s="3" t="s">
        <v>18</v>
      </c>
      <c r="C2">
        <v>24</v>
      </c>
      <c r="D2" s="3"/>
      <c r="F2" s="3"/>
    </row>
    <row r="3" spans="1:6" x14ac:dyDescent="0.4">
      <c r="A3">
        <v>2</v>
      </c>
      <c r="B3" s="3" t="s">
        <v>18</v>
      </c>
      <c r="C3">
        <v>24</v>
      </c>
      <c r="D3" s="3"/>
      <c r="F3" s="3"/>
    </row>
    <row r="4" spans="1:6" x14ac:dyDescent="0.4">
      <c r="A4">
        <v>3</v>
      </c>
      <c r="B4" s="3" t="s">
        <v>18</v>
      </c>
      <c r="C4">
        <v>12</v>
      </c>
      <c r="D4" s="3"/>
      <c r="F4" s="3"/>
    </row>
    <row r="5" spans="1:6" x14ac:dyDescent="0.4">
      <c r="A5">
        <v>4</v>
      </c>
      <c r="B5" s="3" t="s">
        <v>18</v>
      </c>
      <c r="C5">
        <v>12</v>
      </c>
      <c r="D5" s="3"/>
      <c r="F5" s="3"/>
    </row>
    <row r="6" spans="1:6" x14ac:dyDescent="0.4">
      <c r="A6">
        <v>5</v>
      </c>
      <c r="B6" s="3" t="s">
        <v>18</v>
      </c>
      <c r="C6">
        <v>40</v>
      </c>
      <c r="D6" s="3" t="s">
        <v>19</v>
      </c>
      <c r="F6" s="3"/>
    </row>
    <row r="7" spans="1:6" x14ac:dyDescent="0.4">
      <c r="A7">
        <v>6</v>
      </c>
      <c r="B7" s="3" t="s">
        <v>18</v>
      </c>
      <c r="C7">
        <v>40</v>
      </c>
      <c r="D7" s="3" t="s">
        <v>19</v>
      </c>
      <c r="F7" s="3"/>
    </row>
    <row r="8" spans="1:6" x14ac:dyDescent="0.4">
      <c r="A8">
        <v>7</v>
      </c>
      <c r="B8" s="3" t="s">
        <v>18</v>
      </c>
      <c r="C8">
        <v>15</v>
      </c>
      <c r="D8" s="3" t="s">
        <v>19</v>
      </c>
      <c r="F8" s="3"/>
    </row>
    <row r="9" spans="1:6" x14ac:dyDescent="0.4">
      <c r="A9">
        <v>8</v>
      </c>
      <c r="B9" s="3" t="s">
        <v>18</v>
      </c>
      <c r="C9">
        <v>12</v>
      </c>
      <c r="D9" s="3"/>
      <c r="F9" s="3"/>
    </row>
    <row r="10" spans="1:6" x14ac:dyDescent="0.4">
      <c r="A10">
        <v>9</v>
      </c>
      <c r="B10" s="3" t="s">
        <v>18</v>
      </c>
      <c r="C10">
        <v>12</v>
      </c>
      <c r="D10" s="3"/>
      <c r="F10" s="3"/>
    </row>
    <row r="11" spans="1:6" x14ac:dyDescent="0.4">
      <c r="A11">
        <v>10</v>
      </c>
      <c r="B11" s="3" t="s">
        <v>18</v>
      </c>
      <c r="C11">
        <v>12</v>
      </c>
      <c r="D11" s="3"/>
      <c r="F11" s="3"/>
    </row>
    <row r="12" spans="1:6" x14ac:dyDescent="0.4">
      <c r="A12">
        <v>11</v>
      </c>
      <c r="B12" s="3" t="s">
        <v>18</v>
      </c>
      <c r="C12">
        <v>12</v>
      </c>
      <c r="D12" s="3"/>
      <c r="F12" s="3"/>
    </row>
    <row r="13" spans="1:6" x14ac:dyDescent="0.4">
      <c r="A13">
        <v>12</v>
      </c>
      <c r="B13" s="3" t="s">
        <v>18</v>
      </c>
      <c r="C13">
        <v>12</v>
      </c>
      <c r="D13" s="3"/>
      <c r="F13" s="3"/>
    </row>
    <row r="14" spans="1:6" x14ac:dyDescent="0.4">
      <c r="A14">
        <v>13</v>
      </c>
      <c r="B14" s="3" t="s">
        <v>18</v>
      </c>
      <c r="C14">
        <v>12</v>
      </c>
      <c r="D14" s="3"/>
      <c r="F14" s="3"/>
    </row>
    <row r="15" spans="1:6" x14ac:dyDescent="0.4">
      <c r="A15">
        <v>14</v>
      </c>
      <c r="B15" s="3" t="s">
        <v>18</v>
      </c>
      <c r="C15">
        <v>12</v>
      </c>
      <c r="D15" s="3"/>
      <c r="F15" s="3"/>
    </row>
    <row r="16" spans="1:6" x14ac:dyDescent="0.4">
      <c r="A16">
        <v>15</v>
      </c>
      <c r="B16" s="3" t="s">
        <v>18</v>
      </c>
      <c r="C16">
        <v>12</v>
      </c>
      <c r="D16" s="3"/>
      <c r="F16" s="3"/>
    </row>
    <row r="17" spans="1:6" x14ac:dyDescent="0.4">
      <c r="A17">
        <v>16</v>
      </c>
      <c r="B17" s="3" t="s">
        <v>18</v>
      </c>
      <c r="C17">
        <v>10</v>
      </c>
      <c r="D17" s="3" t="s">
        <v>19</v>
      </c>
      <c r="F17" s="3"/>
    </row>
    <row r="18" spans="1:6" x14ac:dyDescent="0.4">
      <c r="A18">
        <v>17</v>
      </c>
      <c r="B18" s="3" t="s">
        <v>18</v>
      </c>
      <c r="C18">
        <v>10</v>
      </c>
      <c r="D18" s="3" t="s">
        <v>19</v>
      </c>
      <c r="F18" s="3"/>
    </row>
    <row r="19" spans="1:6" x14ac:dyDescent="0.4">
      <c r="A19">
        <v>18</v>
      </c>
      <c r="B19" s="3" t="s">
        <v>18</v>
      </c>
      <c r="C19">
        <v>10</v>
      </c>
      <c r="D19" s="3" t="s">
        <v>19</v>
      </c>
      <c r="F19" s="3"/>
    </row>
    <row r="20" spans="1:6" x14ac:dyDescent="0.4">
      <c r="A20">
        <v>19</v>
      </c>
      <c r="B20" s="3" t="s">
        <v>18</v>
      </c>
      <c r="C20">
        <v>10</v>
      </c>
      <c r="D20" s="3" t="s">
        <v>19</v>
      </c>
      <c r="F20" s="3"/>
    </row>
    <row r="21" spans="1:6" x14ac:dyDescent="0.4">
      <c r="A21">
        <v>20</v>
      </c>
      <c r="B21" s="3" t="s">
        <v>18</v>
      </c>
      <c r="C21">
        <v>10</v>
      </c>
      <c r="D21" s="3" t="s">
        <v>19</v>
      </c>
      <c r="F21" s="3"/>
    </row>
    <row r="22" spans="1:6" x14ac:dyDescent="0.4">
      <c r="A22">
        <v>21</v>
      </c>
      <c r="B22" s="3" t="s">
        <v>18</v>
      </c>
      <c r="C22">
        <v>10</v>
      </c>
      <c r="D22" s="3" t="s">
        <v>19</v>
      </c>
      <c r="F22" s="3"/>
    </row>
    <row r="23" spans="1:6" x14ac:dyDescent="0.4">
      <c r="A23">
        <v>22</v>
      </c>
      <c r="B23" s="3" t="s">
        <v>18</v>
      </c>
      <c r="C23">
        <v>10</v>
      </c>
      <c r="D23" s="3" t="s">
        <v>19</v>
      </c>
      <c r="F23" s="3"/>
    </row>
    <row r="24" spans="1:6" x14ac:dyDescent="0.4">
      <c r="A24">
        <v>23</v>
      </c>
      <c r="B24" s="3" t="s">
        <v>18</v>
      </c>
      <c r="C24">
        <v>10</v>
      </c>
      <c r="D24" s="3" t="s">
        <v>19</v>
      </c>
      <c r="F24" s="3"/>
    </row>
    <row r="25" spans="1:6" x14ac:dyDescent="0.4">
      <c r="A25">
        <v>24</v>
      </c>
      <c r="B25" s="3" t="s">
        <v>18</v>
      </c>
      <c r="C25">
        <v>10</v>
      </c>
      <c r="D25" s="3" t="s">
        <v>19</v>
      </c>
      <c r="F25" s="3"/>
    </row>
    <row r="26" spans="1:6" x14ac:dyDescent="0.4">
      <c r="A26">
        <v>25</v>
      </c>
      <c r="B26" s="3" t="s">
        <v>18</v>
      </c>
      <c r="C26">
        <v>10</v>
      </c>
      <c r="D26" s="3" t="s">
        <v>19</v>
      </c>
      <c r="F26" s="3"/>
    </row>
    <row r="27" spans="1:6" x14ac:dyDescent="0.4">
      <c r="A27">
        <v>26</v>
      </c>
      <c r="B27" s="3" t="s">
        <v>18</v>
      </c>
      <c r="C27">
        <v>10</v>
      </c>
      <c r="D27" s="3" t="s">
        <v>19</v>
      </c>
      <c r="F27" s="3"/>
    </row>
    <row r="28" spans="1:6" x14ac:dyDescent="0.4">
      <c r="A28">
        <v>27</v>
      </c>
      <c r="B28" s="3" t="s">
        <v>18</v>
      </c>
      <c r="C28">
        <v>10</v>
      </c>
      <c r="D28" s="3" t="s">
        <v>19</v>
      </c>
      <c r="F28" s="3"/>
    </row>
    <row r="29" spans="1:6" x14ac:dyDescent="0.4">
      <c r="A29">
        <v>28</v>
      </c>
      <c r="B29" s="3" t="s">
        <v>18</v>
      </c>
      <c r="C29">
        <v>10</v>
      </c>
      <c r="D29" s="3" t="s">
        <v>19</v>
      </c>
      <c r="F29" s="3"/>
    </row>
    <row r="30" spans="1:6" x14ac:dyDescent="0.4">
      <c r="A30">
        <v>29</v>
      </c>
      <c r="B30" s="3" t="s">
        <v>18</v>
      </c>
      <c r="C30">
        <v>10</v>
      </c>
      <c r="D30" s="3" t="s">
        <v>19</v>
      </c>
      <c r="F30" s="3"/>
    </row>
    <row r="31" spans="1:6" x14ac:dyDescent="0.4">
      <c r="A31">
        <v>30</v>
      </c>
      <c r="B31" s="3" t="s">
        <v>18</v>
      </c>
      <c r="C31">
        <v>10</v>
      </c>
      <c r="D31" s="3" t="s">
        <v>19</v>
      </c>
      <c r="F31" s="3"/>
    </row>
    <row r="32" spans="1:6" x14ac:dyDescent="0.4">
      <c r="A32">
        <v>31</v>
      </c>
      <c r="B32" s="3" t="s">
        <v>18</v>
      </c>
      <c r="C32">
        <v>10</v>
      </c>
      <c r="D32" s="3" t="s">
        <v>19</v>
      </c>
      <c r="F32" s="3"/>
    </row>
    <row r="33" spans="1:6" x14ac:dyDescent="0.4">
      <c r="A33">
        <v>32</v>
      </c>
      <c r="B33" s="3" t="s">
        <v>18</v>
      </c>
      <c r="C33">
        <v>10</v>
      </c>
      <c r="D33" s="3" t="s">
        <v>19</v>
      </c>
      <c r="F33" s="3"/>
    </row>
    <row r="34" spans="1:6" x14ac:dyDescent="0.4">
      <c r="A34">
        <v>33</v>
      </c>
      <c r="B34" s="3" t="s">
        <v>18</v>
      </c>
      <c r="C34">
        <v>10</v>
      </c>
      <c r="D34" s="3" t="s">
        <v>19</v>
      </c>
      <c r="F34" s="3"/>
    </row>
    <row r="35" spans="1:6" x14ac:dyDescent="0.4">
      <c r="A35">
        <v>34</v>
      </c>
      <c r="B35" s="3" t="s">
        <v>18</v>
      </c>
      <c r="C35">
        <v>10</v>
      </c>
      <c r="D35" s="3" t="s">
        <v>19</v>
      </c>
      <c r="F35" s="3"/>
    </row>
    <row r="36" spans="1:6" x14ac:dyDescent="0.4">
      <c r="A36">
        <v>35</v>
      </c>
      <c r="B36" s="3" t="s">
        <v>18</v>
      </c>
      <c r="C36">
        <v>12</v>
      </c>
      <c r="D36" s="3"/>
      <c r="F36" s="3"/>
    </row>
    <row r="37" spans="1:6" x14ac:dyDescent="0.4">
      <c r="A37">
        <v>36</v>
      </c>
      <c r="B37" s="3" t="s">
        <v>18</v>
      </c>
      <c r="C37">
        <v>12</v>
      </c>
      <c r="D37" s="3"/>
      <c r="F37" s="3"/>
    </row>
    <row r="38" spans="1:6" x14ac:dyDescent="0.4">
      <c r="A38">
        <v>37</v>
      </c>
      <c r="B38" s="3" t="s">
        <v>18</v>
      </c>
      <c r="C38">
        <v>12</v>
      </c>
      <c r="D38" s="3"/>
      <c r="F38" s="3"/>
    </row>
    <row r="39" spans="1:6" x14ac:dyDescent="0.4">
      <c r="A39">
        <v>38</v>
      </c>
      <c r="B39" s="3" t="s">
        <v>18</v>
      </c>
      <c r="C39">
        <v>12</v>
      </c>
      <c r="D39" s="3"/>
      <c r="F39" s="3"/>
    </row>
    <row r="40" spans="1:6" x14ac:dyDescent="0.4">
      <c r="A40">
        <v>39</v>
      </c>
      <c r="B40" s="3" t="s">
        <v>18</v>
      </c>
      <c r="C40">
        <v>12</v>
      </c>
      <c r="D40" s="3"/>
      <c r="F40" s="3"/>
    </row>
    <row r="41" spans="1:6" x14ac:dyDescent="0.4">
      <c r="A41">
        <v>40</v>
      </c>
      <c r="B41" s="3" t="s">
        <v>18</v>
      </c>
      <c r="C41">
        <v>12</v>
      </c>
      <c r="D41" s="3"/>
      <c r="F41" s="3"/>
    </row>
    <row r="42" spans="1:6" x14ac:dyDescent="0.4">
      <c r="A42">
        <v>41</v>
      </c>
      <c r="B42" s="3" t="s">
        <v>18</v>
      </c>
      <c r="C42">
        <v>12</v>
      </c>
      <c r="D42" s="3"/>
      <c r="F42" s="3"/>
    </row>
    <row r="43" spans="1:6" x14ac:dyDescent="0.4">
      <c r="A43">
        <v>42</v>
      </c>
      <c r="B43" s="3" t="s">
        <v>18</v>
      </c>
      <c r="C43">
        <v>12</v>
      </c>
      <c r="D43" s="3"/>
      <c r="F43" s="3"/>
    </row>
    <row r="44" spans="1:6" x14ac:dyDescent="0.4">
      <c r="A44">
        <v>43</v>
      </c>
      <c r="B44" s="3" t="s">
        <v>18</v>
      </c>
      <c r="C44">
        <v>12</v>
      </c>
      <c r="D44" s="3"/>
      <c r="F44" s="3"/>
    </row>
    <row r="45" spans="1:6" x14ac:dyDescent="0.4">
      <c r="A45">
        <v>44</v>
      </c>
      <c r="B45" s="3" t="s">
        <v>18</v>
      </c>
      <c r="C45">
        <v>12</v>
      </c>
      <c r="D45" s="3"/>
      <c r="F45" s="3"/>
    </row>
    <row r="46" spans="1:6" x14ac:dyDescent="0.4">
      <c r="A46">
        <v>45</v>
      </c>
      <c r="B46" s="3" t="s">
        <v>18</v>
      </c>
      <c r="C46">
        <v>12</v>
      </c>
      <c r="D46" s="3"/>
      <c r="F46" s="3"/>
    </row>
    <row r="47" spans="1:6" x14ac:dyDescent="0.4">
      <c r="A47">
        <v>46</v>
      </c>
      <c r="B47" s="3" t="s">
        <v>18</v>
      </c>
      <c r="C47">
        <v>12</v>
      </c>
      <c r="D47" s="3"/>
      <c r="F47" s="3"/>
    </row>
    <row r="48" spans="1:6" x14ac:dyDescent="0.4">
      <c r="A48">
        <v>47</v>
      </c>
      <c r="B48" s="3" t="s">
        <v>18</v>
      </c>
      <c r="C48">
        <v>12</v>
      </c>
      <c r="D48" s="3"/>
      <c r="F48" s="3"/>
    </row>
    <row r="49" spans="1:6" x14ac:dyDescent="0.4">
      <c r="A49">
        <v>48</v>
      </c>
      <c r="B49" s="3" t="s">
        <v>18</v>
      </c>
      <c r="C49">
        <v>12</v>
      </c>
      <c r="D49" s="3"/>
      <c r="F49" s="3"/>
    </row>
    <row r="50" spans="1:6" x14ac:dyDescent="0.4">
      <c r="A50">
        <v>49</v>
      </c>
      <c r="B50" s="3" t="s">
        <v>18</v>
      </c>
      <c r="C50">
        <v>12</v>
      </c>
      <c r="D50" s="3"/>
      <c r="F50" s="3"/>
    </row>
    <row r="51" spans="1:6" x14ac:dyDescent="0.4">
      <c r="A51">
        <v>50</v>
      </c>
      <c r="B51" s="3" t="s">
        <v>18</v>
      </c>
      <c r="C51">
        <v>12</v>
      </c>
      <c r="D51" s="3"/>
      <c r="F51" s="3"/>
    </row>
    <row r="52" spans="1:6" x14ac:dyDescent="0.4">
      <c r="A52">
        <v>51</v>
      </c>
      <c r="B52" s="3" t="s">
        <v>18</v>
      </c>
      <c r="C52">
        <v>12</v>
      </c>
      <c r="D52" s="3"/>
      <c r="F52" s="3"/>
    </row>
    <row r="53" spans="1:6" x14ac:dyDescent="0.4">
      <c r="A53">
        <v>52</v>
      </c>
      <c r="B53" s="3" t="s">
        <v>18</v>
      </c>
      <c r="C53">
        <v>12</v>
      </c>
      <c r="D53" s="3"/>
      <c r="F53" s="3"/>
    </row>
    <row r="54" spans="1:6" x14ac:dyDescent="0.4">
      <c r="A54">
        <v>53</v>
      </c>
      <c r="B54" s="3" t="s">
        <v>18</v>
      </c>
      <c r="C54">
        <v>12</v>
      </c>
      <c r="D54" s="3"/>
      <c r="F54" s="3"/>
    </row>
    <row r="55" spans="1:6" x14ac:dyDescent="0.4">
      <c r="A55">
        <v>54</v>
      </c>
      <c r="B55" s="3" t="s">
        <v>18</v>
      </c>
      <c r="C55">
        <v>12</v>
      </c>
      <c r="D55" s="3"/>
      <c r="F55" s="3"/>
    </row>
    <row r="56" spans="1:6" x14ac:dyDescent="0.4">
      <c r="A56">
        <v>55</v>
      </c>
      <c r="B56" s="3" t="s">
        <v>18</v>
      </c>
      <c r="C56">
        <v>12</v>
      </c>
      <c r="D56" s="3"/>
      <c r="F56" s="3"/>
    </row>
    <row r="57" spans="1:6" x14ac:dyDescent="0.4">
      <c r="A57">
        <v>56</v>
      </c>
      <c r="B57" s="3" t="s">
        <v>18</v>
      </c>
      <c r="C57">
        <v>30</v>
      </c>
      <c r="D57" s="3" t="s">
        <v>19</v>
      </c>
      <c r="F57" s="3"/>
    </row>
    <row r="58" spans="1:6" x14ac:dyDescent="0.4">
      <c r="A58">
        <v>57</v>
      </c>
      <c r="B58" s="3" t="s">
        <v>18</v>
      </c>
      <c r="C58">
        <v>50</v>
      </c>
      <c r="D58" s="3" t="s">
        <v>19</v>
      </c>
      <c r="F58" s="3"/>
    </row>
    <row r="59" spans="1:6" x14ac:dyDescent="0.4">
      <c r="A59">
        <v>58</v>
      </c>
      <c r="B59" s="3" t="s">
        <v>18</v>
      </c>
      <c r="C59">
        <v>3</v>
      </c>
      <c r="D59" s="3"/>
      <c r="F59" s="3"/>
    </row>
    <row r="60" spans="1:6" x14ac:dyDescent="0.4">
      <c r="A60">
        <v>59</v>
      </c>
      <c r="B60" s="3" t="s">
        <v>18</v>
      </c>
      <c r="C60">
        <v>3</v>
      </c>
      <c r="D60" s="3"/>
      <c r="F60" s="3"/>
    </row>
    <row r="61" spans="1:6" x14ac:dyDescent="0.4">
      <c r="A61">
        <v>60</v>
      </c>
      <c r="B61" s="3" t="s">
        <v>18</v>
      </c>
      <c r="C61">
        <v>3</v>
      </c>
      <c r="D61" s="3"/>
      <c r="F61" s="3"/>
    </row>
    <row r="62" spans="1:6" x14ac:dyDescent="0.4">
      <c r="A62">
        <v>61</v>
      </c>
      <c r="B62" s="3" t="s">
        <v>18</v>
      </c>
      <c r="C62">
        <v>10</v>
      </c>
      <c r="D62" s="3" t="s">
        <v>19</v>
      </c>
      <c r="F62" s="3"/>
    </row>
    <row r="63" spans="1:6" x14ac:dyDescent="0.4">
      <c r="A63">
        <v>62</v>
      </c>
      <c r="B63" s="3" t="s">
        <v>18</v>
      </c>
      <c r="C63">
        <v>10</v>
      </c>
      <c r="D63" s="3" t="s">
        <v>19</v>
      </c>
      <c r="F63" s="3"/>
    </row>
    <row r="64" spans="1:6" x14ac:dyDescent="0.4">
      <c r="A64">
        <v>63</v>
      </c>
      <c r="B64" s="3" t="s">
        <v>18</v>
      </c>
      <c r="C64">
        <v>10</v>
      </c>
      <c r="D64" s="3" t="s">
        <v>19</v>
      </c>
      <c r="F64" s="3"/>
    </row>
    <row r="65" spans="1:6" x14ac:dyDescent="0.4">
      <c r="A65">
        <v>64</v>
      </c>
      <c r="B65" s="3" t="s">
        <v>18</v>
      </c>
      <c r="C65">
        <v>10</v>
      </c>
      <c r="D65" s="3" t="s">
        <v>19</v>
      </c>
      <c r="F65" s="3"/>
    </row>
    <row r="66" spans="1:6" x14ac:dyDescent="0.4">
      <c r="A66">
        <v>65</v>
      </c>
      <c r="B66" s="3" t="s">
        <v>18</v>
      </c>
      <c r="C66">
        <v>10</v>
      </c>
      <c r="D66" s="3" t="s">
        <v>19</v>
      </c>
      <c r="F66" s="3"/>
    </row>
    <row r="67" spans="1:6" x14ac:dyDescent="0.4">
      <c r="A67">
        <v>66</v>
      </c>
      <c r="B67" s="3" t="s">
        <v>18</v>
      </c>
      <c r="C67">
        <v>10</v>
      </c>
      <c r="D67" s="3" t="s">
        <v>19</v>
      </c>
      <c r="F67" s="3"/>
    </row>
    <row r="68" spans="1:6" x14ac:dyDescent="0.4">
      <c r="A68">
        <v>67</v>
      </c>
      <c r="B68" s="3" t="s">
        <v>18</v>
      </c>
      <c r="C68">
        <v>8</v>
      </c>
      <c r="D68" s="3" t="s">
        <v>19</v>
      </c>
      <c r="F68" s="3"/>
    </row>
    <row r="69" spans="1:6" x14ac:dyDescent="0.4">
      <c r="A69">
        <v>68</v>
      </c>
      <c r="B69" s="3" t="s">
        <v>18</v>
      </c>
      <c r="C69">
        <v>12</v>
      </c>
      <c r="D69" s="3"/>
      <c r="F69" s="3"/>
    </row>
    <row r="70" spans="1:6" x14ac:dyDescent="0.4">
      <c r="A70">
        <v>69</v>
      </c>
      <c r="B70" s="3" t="s">
        <v>18</v>
      </c>
      <c r="C70">
        <v>20</v>
      </c>
      <c r="D70" s="3" t="s">
        <v>19</v>
      </c>
      <c r="F70" s="3"/>
    </row>
    <row r="71" spans="1:6" x14ac:dyDescent="0.4">
      <c r="A71">
        <v>70</v>
      </c>
      <c r="B71" s="3" t="s">
        <v>18</v>
      </c>
      <c r="C71">
        <v>20</v>
      </c>
      <c r="D71" s="3" t="s">
        <v>19</v>
      </c>
      <c r="F71" s="3"/>
    </row>
    <row r="72" spans="1:6" x14ac:dyDescent="0.4">
      <c r="A72">
        <v>71</v>
      </c>
      <c r="B72" s="3" t="s">
        <v>18</v>
      </c>
      <c r="C72">
        <v>20</v>
      </c>
      <c r="D72" s="3" t="s">
        <v>19</v>
      </c>
      <c r="F72" s="3"/>
    </row>
    <row r="73" spans="1:6" x14ac:dyDescent="0.4">
      <c r="A73">
        <v>72</v>
      </c>
      <c r="B73" s="3" t="s">
        <v>18</v>
      </c>
      <c r="D73" s="3" t="s">
        <v>19</v>
      </c>
      <c r="F73" s="3"/>
    </row>
    <row r="74" spans="1:6" x14ac:dyDescent="0.4">
      <c r="A74">
        <v>73</v>
      </c>
      <c r="B74" s="3" t="s">
        <v>18</v>
      </c>
      <c r="D74" s="3" t="s">
        <v>19</v>
      </c>
      <c r="F74" s="3"/>
    </row>
    <row r="75" spans="1:6" x14ac:dyDescent="0.4">
      <c r="A75">
        <v>74</v>
      </c>
      <c r="B75" s="3" t="s">
        <v>20</v>
      </c>
      <c r="C75">
        <v>256</v>
      </c>
      <c r="D75" s="3" t="s">
        <v>19</v>
      </c>
      <c r="F75" s="3"/>
    </row>
    <row r="76" spans="1:6" x14ac:dyDescent="0.4">
      <c r="B76" s="3"/>
      <c r="D76" s="3"/>
      <c r="E76">
        <v>1</v>
      </c>
      <c r="F76" s="3" t="s">
        <v>21</v>
      </c>
    </row>
    <row r="77" spans="1:6" x14ac:dyDescent="0.4">
      <c r="B77" s="3"/>
      <c r="D77" s="3"/>
      <c r="E77">
        <v>2</v>
      </c>
      <c r="F77" s="3" t="s">
        <v>22</v>
      </c>
    </row>
    <row r="78" spans="1:6" x14ac:dyDescent="0.4">
      <c r="B78" s="3"/>
      <c r="D78" s="3"/>
      <c r="E78">
        <v>3</v>
      </c>
      <c r="F78" s="3" t="s">
        <v>23</v>
      </c>
    </row>
    <row r="79" spans="1:6" x14ac:dyDescent="0.4">
      <c r="B79" s="3"/>
      <c r="D79" s="3"/>
      <c r="E79">
        <v>4</v>
      </c>
      <c r="F79" s="3" t="s">
        <v>24</v>
      </c>
    </row>
    <row r="80" spans="1:6" x14ac:dyDescent="0.4">
      <c r="B80" s="3"/>
      <c r="D80" s="3"/>
      <c r="E80">
        <v>5</v>
      </c>
      <c r="F80" s="3" t="s">
        <v>25</v>
      </c>
    </row>
    <row r="81" spans="2:6" x14ac:dyDescent="0.4">
      <c r="B81" s="3"/>
      <c r="D81" s="3"/>
      <c r="E81">
        <v>6</v>
      </c>
      <c r="F81" s="3" t="s">
        <v>26</v>
      </c>
    </row>
    <row r="82" spans="2:6" x14ac:dyDescent="0.4">
      <c r="B82" s="3"/>
      <c r="D82" s="3"/>
      <c r="E82">
        <v>7</v>
      </c>
      <c r="F82" s="3" t="s">
        <v>27</v>
      </c>
    </row>
    <row r="83" spans="2:6" x14ac:dyDescent="0.4">
      <c r="B83" s="3"/>
      <c r="D83" s="3"/>
      <c r="E83">
        <v>8</v>
      </c>
      <c r="F83" s="3" t="s">
        <v>28</v>
      </c>
    </row>
    <row r="84" spans="2:6" x14ac:dyDescent="0.4">
      <c r="B84" s="3"/>
      <c r="D84" s="3"/>
      <c r="E84">
        <v>9</v>
      </c>
      <c r="F84" s="3" t="s">
        <v>29</v>
      </c>
    </row>
    <row r="85" spans="2:6" x14ac:dyDescent="0.4">
      <c r="B85" s="3"/>
      <c r="D85" s="3"/>
      <c r="E85">
        <v>10</v>
      </c>
      <c r="F85" s="3" t="s">
        <v>30</v>
      </c>
    </row>
    <row r="86" spans="2:6" x14ac:dyDescent="0.4">
      <c r="B86" s="3"/>
      <c r="D86" s="3"/>
      <c r="E86">
        <v>11</v>
      </c>
      <c r="F86" s="3" t="s">
        <v>31</v>
      </c>
    </row>
    <row r="87" spans="2:6" x14ac:dyDescent="0.4">
      <c r="B87" s="3"/>
      <c r="D87" s="3"/>
      <c r="E87">
        <v>12</v>
      </c>
      <c r="F87" s="3" t="s">
        <v>32</v>
      </c>
    </row>
    <row r="88" spans="2:6" x14ac:dyDescent="0.4">
      <c r="B88" s="3"/>
      <c r="D88" s="3"/>
      <c r="E88">
        <v>13</v>
      </c>
      <c r="F88" s="3" t="s">
        <v>33</v>
      </c>
    </row>
    <row r="89" spans="2:6" x14ac:dyDescent="0.4">
      <c r="B89" s="3"/>
      <c r="D89" s="3"/>
      <c r="E89">
        <v>14</v>
      </c>
      <c r="F89" s="3" t="s">
        <v>34</v>
      </c>
    </row>
    <row r="90" spans="2:6" x14ac:dyDescent="0.4">
      <c r="B90" s="3"/>
      <c r="D90" s="3"/>
      <c r="E90">
        <v>15</v>
      </c>
      <c r="F90" s="3" t="s">
        <v>35</v>
      </c>
    </row>
    <row r="91" spans="2:6" x14ac:dyDescent="0.4">
      <c r="B91" s="3"/>
      <c r="D91" s="3"/>
      <c r="E91">
        <v>16</v>
      </c>
      <c r="F91" s="3" t="s">
        <v>36</v>
      </c>
    </row>
    <row r="92" spans="2:6" x14ac:dyDescent="0.4">
      <c r="B92" s="3"/>
      <c r="D92" s="3"/>
      <c r="E92">
        <v>17</v>
      </c>
      <c r="F92" s="3" t="s">
        <v>37</v>
      </c>
    </row>
    <row r="93" spans="2:6" x14ac:dyDescent="0.4">
      <c r="B93" s="3"/>
      <c r="D93" s="3"/>
      <c r="E93">
        <v>18</v>
      </c>
      <c r="F93" s="3" t="s">
        <v>38</v>
      </c>
    </row>
    <row r="94" spans="2:6" x14ac:dyDescent="0.4">
      <c r="B94" s="3"/>
      <c r="D94" s="3"/>
      <c r="E94">
        <v>19</v>
      </c>
      <c r="F94" s="3" t="s">
        <v>39</v>
      </c>
    </row>
    <row r="95" spans="2:6" x14ac:dyDescent="0.4">
      <c r="B95" s="3"/>
      <c r="D95" s="3"/>
      <c r="E95">
        <v>20</v>
      </c>
      <c r="F95" s="3" t="s">
        <v>40</v>
      </c>
    </row>
    <row r="96" spans="2:6" x14ac:dyDescent="0.4">
      <c r="B96" s="3"/>
      <c r="D96" s="3"/>
      <c r="E96">
        <v>21</v>
      </c>
      <c r="F96" s="3" t="s">
        <v>41</v>
      </c>
    </row>
    <row r="97" spans="2:6" x14ac:dyDescent="0.4">
      <c r="B97" s="3"/>
      <c r="D97" s="3"/>
      <c r="E97">
        <v>22</v>
      </c>
      <c r="F97" s="3" t="s">
        <v>42</v>
      </c>
    </row>
    <row r="98" spans="2:6" x14ac:dyDescent="0.4">
      <c r="B98" s="3"/>
      <c r="D98" s="3"/>
      <c r="E98">
        <v>23</v>
      </c>
      <c r="F98" s="3" t="s">
        <v>43</v>
      </c>
    </row>
    <row r="99" spans="2:6" x14ac:dyDescent="0.4">
      <c r="B99" s="3"/>
      <c r="D99" s="3"/>
      <c r="E99">
        <v>24</v>
      </c>
      <c r="F99" s="3" t="s">
        <v>44</v>
      </c>
    </row>
    <row r="100" spans="2:6" x14ac:dyDescent="0.4">
      <c r="B100" s="3"/>
      <c r="D100" s="3"/>
      <c r="E100">
        <v>25</v>
      </c>
      <c r="F100" s="3" t="s">
        <v>45</v>
      </c>
    </row>
    <row r="101" spans="2:6" x14ac:dyDescent="0.4">
      <c r="B101" s="3"/>
      <c r="D101" s="3"/>
      <c r="E101">
        <v>26</v>
      </c>
      <c r="F101" s="3" t="s">
        <v>46</v>
      </c>
    </row>
    <row r="102" spans="2:6" x14ac:dyDescent="0.4">
      <c r="B102" s="3"/>
      <c r="D102" s="3"/>
      <c r="E102">
        <v>27</v>
      </c>
      <c r="F102" s="3" t="s">
        <v>47</v>
      </c>
    </row>
    <row r="103" spans="2:6" x14ac:dyDescent="0.4">
      <c r="B103" s="3"/>
      <c r="D103" s="3"/>
      <c r="E103">
        <v>28</v>
      </c>
      <c r="F103" s="3" t="s">
        <v>48</v>
      </c>
    </row>
    <row r="104" spans="2:6" x14ac:dyDescent="0.4">
      <c r="B104" s="3"/>
      <c r="D104" s="3"/>
      <c r="E104">
        <v>29</v>
      </c>
      <c r="F104" s="3" t="s">
        <v>49</v>
      </c>
    </row>
    <row r="105" spans="2:6" x14ac:dyDescent="0.4">
      <c r="B105" s="3"/>
      <c r="D105" s="3"/>
      <c r="E105">
        <v>30</v>
      </c>
      <c r="F105" s="3" t="s">
        <v>50</v>
      </c>
    </row>
    <row r="106" spans="2:6" x14ac:dyDescent="0.4">
      <c r="B106" s="3"/>
      <c r="D106" s="3"/>
      <c r="E106">
        <v>31</v>
      </c>
      <c r="F106" s="3" t="s">
        <v>51</v>
      </c>
    </row>
    <row r="107" spans="2:6" x14ac:dyDescent="0.4">
      <c r="B107" s="3"/>
      <c r="D107" s="3"/>
      <c r="E107">
        <v>32</v>
      </c>
      <c r="F107" s="3" t="s">
        <v>52</v>
      </c>
    </row>
    <row r="108" spans="2:6" x14ac:dyDescent="0.4">
      <c r="B108" s="3"/>
      <c r="D108" s="3"/>
      <c r="E108">
        <v>33</v>
      </c>
      <c r="F108" s="3" t="s">
        <v>53</v>
      </c>
    </row>
    <row r="109" spans="2:6" x14ac:dyDescent="0.4">
      <c r="B109" s="3"/>
      <c r="D109" s="3"/>
      <c r="E109">
        <v>34</v>
      </c>
      <c r="F109" s="3" t="s">
        <v>54</v>
      </c>
    </row>
    <row r="110" spans="2:6" x14ac:dyDescent="0.4">
      <c r="B110" s="3"/>
      <c r="D110" s="3"/>
      <c r="E110">
        <v>35</v>
      </c>
      <c r="F110" s="3" t="s">
        <v>55</v>
      </c>
    </row>
    <row r="111" spans="2:6" x14ac:dyDescent="0.4">
      <c r="B111" s="3"/>
      <c r="D111" s="3"/>
      <c r="E111">
        <v>36</v>
      </c>
      <c r="F111" s="3" t="s">
        <v>56</v>
      </c>
    </row>
    <row r="112" spans="2:6" x14ac:dyDescent="0.4">
      <c r="B112" s="3"/>
      <c r="D112" s="3"/>
      <c r="E112">
        <v>37</v>
      </c>
      <c r="F112" s="3" t="s">
        <v>57</v>
      </c>
    </row>
    <row r="113" spans="2:6" x14ac:dyDescent="0.4">
      <c r="B113" s="3"/>
      <c r="D113" s="3"/>
      <c r="E113">
        <v>38</v>
      </c>
      <c r="F113" s="3" t="s">
        <v>58</v>
      </c>
    </row>
    <row r="114" spans="2:6" x14ac:dyDescent="0.4">
      <c r="B114" s="3"/>
      <c r="D114" s="3"/>
      <c r="E114">
        <v>39</v>
      </c>
      <c r="F114" s="3" t="s">
        <v>59</v>
      </c>
    </row>
    <row r="115" spans="2:6" x14ac:dyDescent="0.4">
      <c r="B115" s="3"/>
      <c r="D115" s="3"/>
      <c r="E115">
        <v>40</v>
      </c>
      <c r="F115" s="3" t="s">
        <v>60</v>
      </c>
    </row>
    <row r="116" spans="2:6" x14ac:dyDescent="0.4">
      <c r="B116" s="3"/>
      <c r="D116" s="3"/>
      <c r="E116">
        <v>41</v>
      </c>
      <c r="F116" s="3" t="s">
        <v>61</v>
      </c>
    </row>
    <row r="117" spans="2:6" x14ac:dyDescent="0.4">
      <c r="B117" s="3"/>
      <c r="D117" s="3"/>
      <c r="E117">
        <v>42</v>
      </c>
      <c r="F117" s="3" t="s">
        <v>62</v>
      </c>
    </row>
    <row r="118" spans="2:6" x14ac:dyDescent="0.4">
      <c r="B118" s="3"/>
      <c r="D118" s="3"/>
      <c r="E118">
        <v>43</v>
      </c>
      <c r="F118" s="3" t="s">
        <v>63</v>
      </c>
    </row>
    <row r="119" spans="2:6" x14ac:dyDescent="0.4">
      <c r="B119" s="3"/>
      <c r="D119" s="3"/>
      <c r="E119">
        <v>44</v>
      </c>
      <c r="F119" s="3" t="s">
        <v>64</v>
      </c>
    </row>
    <row r="120" spans="2:6" x14ac:dyDescent="0.4">
      <c r="B120" s="3"/>
      <c r="D120" s="3"/>
      <c r="E120">
        <v>45</v>
      </c>
      <c r="F120" s="3" t="s">
        <v>65</v>
      </c>
    </row>
    <row r="121" spans="2:6" x14ac:dyDescent="0.4">
      <c r="B121" s="3"/>
      <c r="D121" s="3"/>
      <c r="E121">
        <v>46</v>
      </c>
      <c r="F121" s="3" t="s">
        <v>66</v>
      </c>
    </row>
    <row r="122" spans="2:6" x14ac:dyDescent="0.4">
      <c r="B122" s="3"/>
      <c r="D122" s="3"/>
      <c r="E122">
        <v>47</v>
      </c>
      <c r="F122" s="3" t="s">
        <v>67</v>
      </c>
    </row>
    <row r="123" spans="2:6" x14ac:dyDescent="0.4">
      <c r="B123" s="3"/>
      <c r="D123" s="3"/>
      <c r="E123">
        <v>48</v>
      </c>
      <c r="F123" s="3" t="s">
        <v>68</v>
      </c>
    </row>
    <row r="124" spans="2:6" x14ac:dyDescent="0.4">
      <c r="B124" s="3"/>
      <c r="D124" s="3"/>
      <c r="E124">
        <v>49</v>
      </c>
      <c r="F124" s="3" t="s">
        <v>69</v>
      </c>
    </row>
    <row r="125" spans="2:6" x14ac:dyDescent="0.4">
      <c r="B125" s="3"/>
      <c r="D125" s="3"/>
      <c r="E125">
        <v>50</v>
      </c>
      <c r="F125" s="3" t="s">
        <v>70</v>
      </c>
    </row>
    <row r="126" spans="2:6" x14ac:dyDescent="0.4">
      <c r="B126" s="3"/>
      <c r="D126" s="3"/>
      <c r="E126">
        <v>51</v>
      </c>
      <c r="F126" s="3" t="s">
        <v>71</v>
      </c>
    </row>
    <row r="127" spans="2:6" x14ac:dyDescent="0.4">
      <c r="B127" s="3"/>
      <c r="D127" s="3"/>
      <c r="E127">
        <v>52</v>
      </c>
      <c r="F127" s="3" t="s">
        <v>72</v>
      </c>
    </row>
    <row r="128" spans="2:6" x14ac:dyDescent="0.4">
      <c r="B128" s="3"/>
      <c r="D128" s="3"/>
      <c r="E128">
        <v>53</v>
      </c>
      <c r="F128" s="3" t="s">
        <v>73</v>
      </c>
    </row>
    <row r="129" spans="2:6" x14ac:dyDescent="0.4">
      <c r="B129" s="3"/>
      <c r="D129" s="3"/>
      <c r="E129">
        <v>54</v>
      </c>
      <c r="F129" s="3" t="s">
        <v>74</v>
      </c>
    </row>
    <row r="130" spans="2:6" x14ac:dyDescent="0.4">
      <c r="B130" s="3"/>
      <c r="D130" s="3"/>
      <c r="E130">
        <v>55</v>
      </c>
      <c r="F130" s="3" t="s">
        <v>75</v>
      </c>
    </row>
    <row r="131" spans="2:6" x14ac:dyDescent="0.4">
      <c r="B131" s="3"/>
      <c r="D131" s="3"/>
      <c r="E131">
        <v>56</v>
      </c>
      <c r="F131" s="3" t="s">
        <v>76</v>
      </c>
    </row>
    <row r="132" spans="2:6" x14ac:dyDescent="0.4">
      <c r="B132" s="3"/>
      <c r="D132" s="3"/>
      <c r="E132">
        <v>57</v>
      </c>
      <c r="F132" s="3" t="s">
        <v>77</v>
      </c>
    </row>
    <row r="133" spans="2:6" x14ac:dyDescent="0.4">
      <c r="B133" s="3"/>
      <c r="D133" s="3"/>
      <c r="E133">
        <v>58</v>
      </c>
      <c r="F133" s="3" t="s">
        <v>78</v>
      </c>
    </row>
    <row r="134" spans="2:6" x14ac:dyDescent="0.4">
      <c r="B134" s="3"/>
      <c r="D134" s="3"/>
      <c r="E134">
        <v>59</v>
      </c>
      <c r="F134" s="3" t="s">
        <v>79</v>
      </c>
    </row>
    <row r="135" spans="2:6" x14ac:dyDescent="0.4">
      <c r="B135" s="3"/>
      <c r="D135" s="3"/>
      <c r="E135">
        <v>60</v>
      </c>
      <c r="F135" s="3" t="s">
        <v>80</v>
      </c>
    </row>
    <row r="136" spans="2:6" x14ac:dyDescent="0.4">
      <c r="B136" s="3"/>
      <c r="D136" s="3"/>
      <c r="E136">
        <v>61</v>
      </c>
      <c r="F136" s="3" t="s">
        <v>81</v>
      </c>
    </row>
    <row r="137" spans="2:6" x14ac:dyDescent="0.4">
      <c r="B137" s="3"/>
      <c r="D137" s="3"/>
      <c r="E137">
        <v>62</v>
      </c>
      <c r="F137" s="3" t="s">
        <v>82</v>
      </c>
    </row>
    <row r="138" spans="2:6" x14ac:dyDescent="0.4">
      <c r="B138" s="3"/>
      <c r="D138" s="3"/>
      <c r="E138">
        <v>63</v>
      </c>
      <c r="F138" s="3" t="s">
        <v>83</v>
      </c>
    </row>
    <row r="139" spans="2:6" x14ac:dyDescent="0.4">
      <c r="B139" s="3"/>
      <c r="D139" s="3"/>
      <c r="E139">
        <v>64</v>
      </c>
      <c r="F139" s="3" t="s">
        <v>84</v>
      </c>
    </row>
    <row r="140" spans="2:6" x14ac:dyDescent="0.4">
      <c r="B140" s="3"/>
      <c r="D140" s="3"/>
      <c r="E140">
        <v>65</v>
      </c>
      <c r="F140" s="3" t="s">
        <v>85</v>
      </c>
    </row>
    <row r="141" spans="2:6" x14ac:dyDescent="0.4">
      <c r="B141" s="3"/>
      <c r="D141" s="3"/>
      <c r="E141">
        <v>66</v>
      </c>
      <c r="F141" s="3" t="s">
        <v>86</v>
      </c>
    </row>
    <row r="142" spans="2:6" x14ac:dyDescent="0.4">
      <c r="B142" s="3"/>
      <c r="D142" s="3"/>
      <c r="E142">
        <v>67</v>
      </c>
      <c r="F142" s="3" t="s">
        <v>87</v>
      </c>
    </row>
    <row r="143" spans="2:6" x14ac:dyDescent="0.4">
      <c r="B143" s="3"/>
      <c r="D143" s="3"/>
      <c r="E143">
        <v>68</v>
      </c>
      <c r="F143" s="3" t="s">
        <v>88</v>
      </c>
    </row>
    <row r="144" spans="2:6" x14ac:dyDescent="0.4">
      <c r="B144" s="3"/>
      <c r="D144" s="3"/>
      <c r="E144">
        <v>69</v>
      </c>
      <c r="F144" s="3" t="s">
        <v>89</v>
      </c>
    </row>
    <row r="145" spans="2:6" x14ac:dyDescent="0.4">
      <c r="B145" s="3"/>
      <c r="D145" s="3"/>
      <c r="E145">
        <v>70</v>
      </c>
      <c r="F145" s="3" t="s">
        <v>90</v>
      </c>
    </row>
    <row r="146" spans="2:6" x14ac:dyDescent="0.4">
      <c r="B146" s="3"/>
      <c r="D146" s="3"/>
      <c r="E146">
        <v>71</v>
      </c>
      <c r="F146" s="3" t="s">
        <v>91</v>
      </c>
    </row>
    <row r="147" spans="2:6" x14ac:dyDescent="0.4">
      <c r="B147" s="3"/>
      <c r="D147" s="3"/>
      <c r="E147">
        <v>72</v>
      </c>
      <c r="F147" s="3" t="s">
        <v>92</v>
      </c>
    </row>
    <row r="148" spans="2:6" x14ac:dyDescent="0.4">
      <c r="B148" s="3"/>
      <c r="D148" s="3"/>
      <c r="E148">
        <v>73</v>
      </c>
      <c r="F148" s="3" t="s">
        <v>93</v>
      </c>
    </row>
    <row r="149" spans="2:6" x14ac:dyDescent="0.4">
      <c r="B149" s="3"/>
      <c r="D149" s="3"/>
      <c r="E149">
        <v>74</v>
      </c>
      <c r="F149" s="3" t="s">
        <v>9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tandSetting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39:26Z</dcterms:created>
  <dcterms:modified xsi:type="dcterms:W3CDTF">2024-02-26T05:15:43Z</dcterms:modified>
</cp:coreProperties>
</file>